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6"/>
  </p:sldMasterIdLst>
  <p:notesMasterIdLst>
    <p:notesMasterId r:id="rId17"/>
  </p:notesMasterIdLst>
  <p:sldIdLst>
    <p:sldId id="275" r:id="rId7"/>
    <p:sldId id="280" r:id="rId8"/>
    <p:sldId id="286" r:id="rId9"/>
    <p:sldId id="278" r:id="rId10"/>
    <p:sldId id="279" r:id="rId11"/>
    <p:sldId id="288" r:id="rId12"/>
    <p:sldId id="284" r:id="rId13"/>
    <p:sldId id="290" r:id="rId14"/>
    <p:sldId id="285" r:id="rId15"/>
    <p:sldId id="276" r:id="rId16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A9E5FB"/>
    <a:srgbClr val="F9F6F3"/>
    <a:srgbClr val="00065E"/>
    <a:srgbClr val="000664"/>
    <a:srgbClr val="FF451F"/>
    <a:srgbClr val="00066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160EF0F-1DAD-4A31-8867-9989112E19F3}" v="31" dt="2024-08-29T11:36:25.30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ddels stil 2 – uthev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003" autoAdjust="0"/>
    <p:restoredTop sz="66838" autoAdjust="0"/>
  </p:normalViewPr>
  <p:slideViewPr>
    <p:cSldViewPr snapToGrid="0" snapToObjects="1">
      <p:cViewPr varScale="1">
        <p:scale>
          <a:sx n="76" d="100"/>
          <a:sy n="76" d="100"/>
        </p:scale>
        <p:origin x="1950" y="90"/>
      </p:cViewPr>
      <p:guideLst>
        <p:guide orient="horz" pos="2160"/>
        <p:guide pos="384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slide" Target="slides/slide5.xml"/><Relationship Id="rId5" Type="http://schemas.openxmlformats.org/officeDocument/2006/relationships/customXml" Target="../customXml/item5.xml"/><Relationship Id="rId15" Type="http://schemas.openxmlformats.org/officeDocument/2006/relationships/slide" Target="slides/slide9.xml"/><Relationship Id="rId23" Type="http://schemas.microsoft.com/office/2015/10/relationships/revisionInfo" Target="revisionInfo.xml"/><Relationship Id="rId10" Type="http://schemas.openxmlformats.org/officeDocument/2006/relationships/slide" Target="slides/slide4.xml"/><Relationship Id="rId19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erger, Silje" userId="a90572ad-2c4a-4660-81fa-4a6a221aba02" providerId="ADAL" clId="{3160EF0F-1DAD-4A31-8867-9989112E19F3}"/>
    <pc:docChg chg="custSel addSld delSld modSld sldOrd">
      <pc:chgData name="Berger, Silje" userId="a90572ad-2c4a-4660-81fa-4a6a221aba02" providerId="ADAL" clId="{3160EF0F-1DAD-4A31-8867-9989112E19F3}" dt="2024-08-29T11:37:22.379" v="2143" actId="47"/>
      <pc:docMkLst>
        <pc:docMk/>
      </pc:docMkLst>
      <pc:sldChg chg="add del modNotesTx">
        <pc:chgData name="Berger, Silje" userId="a90572ad-2c4a-4660-81fa-4a6a221aba02" providerId="ADAL" clId="{3160EF0F-1DAD-4A31-8867-9989112E19F3}" dt="2024-08-29T11:36:48.934" v="2141" actId="47"/>
        <pc:sldMkLst>
          <pc:docMk/>
          <pc:sldMk cId="3619548704" sldId="272"/>
        </pc:sldMkLst>
      </pc:sldChg>
      <pc:sldChg chg="modSp add del mod modShow">
        <pc:chgData name="Berger, Silje" userId="a90572ad-2c4a-4660-81fa-4a6a221aba02" providerId="ADAL" clId="{3160EF0F-1DAD-4A31-8867-9989112E19F3}" dt="2024-08-29T11:37:22.379" v="2143" actId="47"/>
        <pc:sldMkLst>
          <pc:docMk/>
          <pc:sldMk cId="3254351504" sldId="273"/>
        </pc:sldMkLst>
        <pc:spChg chg="mod">
          <ac:chgData name="Berger, Silje" userId="a90572ad-2c4a-4660-81fa-4a6a221aba02" providerId="ADAL" clId="{3160EF0F-1DAD-4A31-8867-9989112E19F3}" dt="2024-08-28T11:26:43.623" v="2" actId="27636"/>
          <ac:spMkLst>
            <pc:docMk/>
            <pc:sldMk cId="3254351504" sldId="273"/>
            <ac:spMk id="2" creationId="{E1F85FB3-EC66-0E83-F9AA-6AE74A5EDCD8}"/>
          </ac:spMkLst>
        </pc:spChg>
      </pc:sldChg>
      <pc:sldChg chg="modSp del mod modNotesTx">
        <pc:chgData name="Berger, Silje" userId="a90572ad-2c4a-4660-81fa-4a6a221aba02" providerId="ADAL" clId="{3160EF0F-1DAD-4A31-8867-9989112E19F3}" dt="2024-08-28T11:34:21.897" v="62" actId="47"/>
        <pc:sldMkLst>
          <pc:docMk/>
          <pc:sldMk cId="3843213537" sldId="277"/>
        </pc:sldMkLst>
        <pc:spChg chg="mod">
          <ac:chgData name="Berger, Silje" userId="a90572ad-2c4a-4660-81fa-4a6a221aba02" providerId="ADAL" clId="{3160EF0F-1DAD-4A31-8867-9989112E19F3}" dt="2024-08-28T11:31:22.534" v="11" actId="21"/>
          <ac:spMkLst>
            <pc:docMk/>
            <pc:sldMk cId="3843213537" sldId="277"/>
            <ac:spMk id="5" creationId="{F8157B3F-706B-3F87-7051-F18A9B230CF6}"/>
          </ac:spMkLst>
        </pc:spChg>
      </pc:sldChg>
      <pc:sldChg chg="modSp mod modClrScheme chgLayout">
        <pc:chgData name="Berger, Silje" userId="a90572ad-2c4a-4660-81fa-4a6a221aba02" providerId="ADAL" clId="{3160EF0F-1DAD-4A31-8867-9989112E19F3}" dt="2024-08-29T11:17:43.230" v="1909" actId="790"/>
        <pc:sldMkLst>
          <pc:docMk/>
          <pc:sldMk cId="149782729" sldId="278"/>
        </pc:sldMkLst>
        <pc:spChg chg="mod ord">
          <ac:chgData name="Berger, Silje" userId="a90572ad-2c4a-4660-81fa-4a6a221aba02" providerId="ADAL" clId="{3160EF0F-1DAD-4A31-8867-9989112E19F3}" dt="2024-08-29T11:17:43.230" v="1909" actId="790"/>
          <ac:spMkLst>
            <pc:docMk/>
            <pc:sldMk cId="149782729" sldId="278"/>
            <ac:spMk id="2" creationId="{5721A66B-EEA8-CC63-B476-4619DD743F55}"/>
          </ac:spMkLst>
        </pc:spChg>
        <pc:spChg chg="mod ord">
          <ac:chgData name="Berger, Silje" userId="a90572ad-2c4a-4660-81fa-4a6a221aba02" providerId="ADAL" clId="{3160EF0F-1DAD-4A31-8867-9989112E19F3}" dt="2024-08-29T11:14:17.271" v="1864" actId="700"/>
          <ac:spMkLst>
            <pc:docMk/>
            <pc:sldMk cId="149782729" sldId="278"/>
            <ac:spMk id="3" creationId="{80B9CE67-A414-C62A-8B93-4585C7963066}"/>
          </ac:spMkLst>
        </pc:spChg>
      </pc:sldChg>
      <pc:sldChg chg="addSp modSp mod ord modClrScheme chgLayout">
        <pc:chgData name="Berger, Silje" userId="a90572ad-2c4a-4660-81fa-4a6a221aba02" providerId="ADAL" clId="{3160EF0F-1DAD-4A31-8867-9989112E19F3}" dt="2024-08-29T11:16:17.523" v="1871" actId="6549"/>
        <pc:sldMkLst>
          <pc:docMk/>
          <pc:sldMk cId="1006350832" sldId="279"/>
        </pc:sldMkLst>
        <pc:spChg chg="mod ord">
          <ac:chgData name="Berger, Silje" userId="a90572ad-2c4a-4660-81fa-4a6a221aba02" providerId="ADAL" clId="{3160EF0F-1DAD-4A31-8867-9989112E19F3}" dt="2024-08-29T11:16:17.523" v="1871" actId="6549"/>
          <ac:spMkLst>
            <pc:docMk/>
            <pc:sldMk cId="1006350832" sldId="279"/>
            <ac:spMk id="2" creationId="{DF4C69C5-F13F-BC55-E255-9CCEA0DFC9F1}"/>
          </ac:spMkLst>
        </pc:spChg>
        <pc:spChg chg="mod ord">
          <ac:chgData name="Berger, Silje" userId="a90572ad-2c4a-4660-81fa-4a6a221aba02" providerId="ADAL" clId="{3160EF0F-1DAD-4A31-8867-9989112E19F3}" dt="2024-08-29T11:14:24.182" v="1865" actId="700"/>
          <ac:spMkLst>
            <pc:docMk/>
            <pc:sldMk cId="1006350832" sldId="279"/>
            <ac:spMk id="3" creationId="{E3CCDFED-7A6B-9351-298D-5435F330D03F}"/>
          </ac:spMkLst>
        </pc:spChg>
        <pc:picChg chg="add mod">
          <ac:chgData name="Berger, Silje" userId="a90572ad-2c4a-4660-81fa-4a6a221aba02" providerId="ADAL" clId="{3160EF0F-1DAD-4A31-8867-9989112E19F3}" dt="2024-08-29T11:14:28.312" v="1866" actId="1076"/>
          <ac:picMkLst>
            <pc:docMk/>
            <pc:sldMk cId="1006350832" sldId="279"/>
            <ac:picMk id="4" creationId="{F8C81C6F-1D26-6F8A-4E44-32DC8EB4CF3E}"/>
          </ac:picMkLst>
        </pc:picChg>
      </pc:sldChg>
      <pc:sldChg chg="delSp modSp mod ord modClrScheme chgLayout modNotesTx">
        <pc:chgData name="Berger, Silje" userId="a90572ad-2c4a-4660-81fa-4a6a221aba02" providerId="ADAL" clId="{3160EF0F-1DAD-4A31-8867-9989112E19F3}" dt="2024-08-29T11:03:58.080" v="1818" actId="6549"/>
        <pc:sldMkLst>
          <pc:docMk/>
          <pc:sldMk cId="4243849514" sldId="280"/>
        </pc:sldMkLst>
        <pc:spChg chg="mod ord">
          <ac:chgData name="Berger, Silje" userId="a90572ad-2c4a-4660-81fa-4a6a221aba02" providerId="ADAL" clId="{3160EF0F-1DAD-4A31-8867-9989112E19F3}" dt="2024-08-29T11:03:44.375" v="1817" actId="20577"/>
          <ac:spMkLst>
            <pc:docMk/>
            <pc:sldMk cId="4243849514" sldId="280"/>
            <ac:spMk id="2" creationId="{BE8BC30B-7EAD-57B5-8619-01C11E8D6FE5}"/>
          </ac:spMkLst>
        </pc:spChg>
        <pc:spChg chg="mod ord">
          <ac:chgData name="Berger, Silje" userId="a90572ad-2c4a-4660-81fa-4a6a221aba02" providerId="ADAL" clId="{3160EF0F-1DAD-4A31-8867-9989112E19F3}" dt="2024-08-28T12:27:38.241" v="956" actId="700"/>
          <ac:spMkLst>
            <pc:docMk/>
            <pc:sldMk cId="4243849514" sldId="280"/>
            <ac:spMk id="3" creationId="{9565CBCF-D17C-FE4B-69A9-6AD9A199E72A}"/>
          </ac:spMkLst>
        </pc:spChg>
        <pc:spChg chg="del mod">
          <ac:chgData name="Berger, Silje" userId="a90572ad-2c4a-4660-81fa-4a6a221aba02" providerId="ADAL" clId="{3160EF0F-1DAD-4A31-8867-9989112E19F3}" dt="2024-08-28T11:34:07.709" v="58"/>
          <ac:spMkLst>
            <pc:docMk/>
            <pc:sldMk cId="4243849514" sldId="280"/>
            <ac:spMk id="6" creationId="{53E6F646-34E5-48BD-4FE6-DA5D733486B9}"/>
          </ac:spMkLst>
        </pc:spChg>
        <pc:graphicFrameChg chg="del mod">
          <ac:chgData name="Berger, Silje" userId="a90572ad-2c4a-4660-81fa-4a6a221aba02" providerId="ADAL" clId="{3160EF0F-1DAD-4A31-8867-9989112E19F3}" dt="2024-08-28T11:31:36.846" v="14" actId="478"/>
          <ac:graphicFrameMkLst>
            <pc:docMk/>
            <pc:sldMk cId="4243849514" sldId="280"/>
            <ac:graphicFrameMk id="5" creationId="{68472AC0-B74E-75FE-4BFC-65EA54A4889E}"/>
          </ac:graphicFrameMkLst>
        </pc:graphicFrameChg>
      </pc:sldChg>
      <pc:sldChg chg="del">
        <pc:chgData name="Berger, Silje" userId="a90572ad-2c4a-4660-81fa-4a6a221aba02" providerId="ADAL" clId="{3160EF0F-1DAD-4A31-8867-9989112E19F3}" dt="2024-08-28T11:27:00.433" v="3" actId="47"/>
        <pc:sldMkLst>
          <pc:docMk/>
          <pc:sldMk cId="663072693" sldId="281"/>
        </pc:sldMkLst>
      </pc:sldChg>
      <pc:sldChg chg="del">
        <pc:chgData name="Berger, Silje" userId="a90572ad-2c4a-4660-81fa-4a6a221aba02" providerId="ADAL" clId="{3160EF0F-1DAD-4A31-8867-9989112E19F3}" dt="2024-08-28T11:27:02.302" v="4" actId="47"/>
        <pc:sldMkLst>
          <pc:docMk/>
          <pc:sldMk cId="2113099259" sldId="282"/>
        </pc:sldMkLst>
      </pc:sldChg>
      <pc:sldChg chg="del">
        <pc:chgData name="Berger, Silje" userId="a90572ad-2c4a-4660-81fa-4a6a221aba02" providerId="ADAL" clId="{3160EF0F-1DAD-4A31-8867-9989112E19F3}" dt="2024-08-28T11:30:55.380" v="6" actId="47"/>
        <pc:sldMkLst>
          <pc:docMk/>
          <pc:sldMk cId="3725261416" sldId="283"/>
        </pc:sldMkLst>
      </pc:sldChg>
      <pc:sldChg chg="ord modNotesTx">
        <pc:chgData name="Berger, Silje" userId="a90572ad-2c4a-4660-81fa-4a6a221aba02" providerId="ADAL" clId="{3160EF0F-1DAD-4A31-8867-9989112E19F3}" dt="2024-08-29T11:33:45.808" v="2126" actId="6549"/>
        <pc:sldMkLst>
          <pc:docMk/>
          <pc:sldMk cId="1683606137" sldId="284"/>
        </pc:sldMkLst>
      </pc:sldChg>
      <pc:sldChg chg="addSp delSp modSp add mod ord chgLayout">
        <pc:chgData name="Berger, Silje" userId="a90572ad-2c4a-4660-81fa-4a6a221aba02" providerId="ADAL" clId="{3160EF0F-1DAD-4A31-8867-9989112E19F3}" dt="2024-08-29T11:36:38.595" v="2140" actId="14"/>
        <pc:sldMkLst>
          <pc:docMk/>
          <pc:sldMk cId="4274800842" sldId="285"/>
        </pc:sldMkLst>
        <pc:spChg chg="mod">
          <ac:chgData name="Berger, Silje" userId="a90572ad-2c4a-4660-81fa-4a6a221aba02" providerId="ADAL" clId="{3160EF0F-1DAD-4A31-8867-9989112E19F3}" dt="2024-08-29T11:31:21.906" v="2081" actId="1076"/>
          <ac:spMkLst>
            <pc:docMk/>
            <pc:sldMk cId="4274800842" sldId="285"/>
            <ac:spMk id="3" creationId="{9FD5FCA7-6EC9-EED9-F446-2D38C1168CDD}"/>
          </ac:spMkLst>
        </pc:spChg>
        <pc:spChg chg="mod">
          <ac:chgData name="Berger, Silje" userId="a90572ad-2c4a-4660-81fa-4a6a221aba02" providerId="ADAL" clId="{3160EF0F-1DAD-4A31-8867-9989112E19F3}" dt="2024-08-29T11:31:16.522" v="2080" actId="1076"/>
          <ac:spMkLst>
            <pc:docMk/>
            <pc:sldMk cId="4274800842" sldId="285"/>
            <ac:spMk id="5" creationId="{F1FFF811-C43E-449F-9EE4-F498F5805864}"/>
          </ac:spMkLst>
        </pc:spChg>
        <pc:spChg chg="mod ord">
          <ac:chgData name="Berger, Silje" userId="a90572ad-2c4a-4660-81fa-4a6a221aba02" providerId="ADAL" clId="{3160EF0F-1DAD-4A31-8867-9989112E19F3}" dt="2024-08-29T11:24:21.275" v="2044" actId="27636"/>
          <ac:spMkLst>
            <pc:docMk/>
            <pc:sldMk cId="4274800842" sldId="285"/>
            <ac:spMk id="6" creationId="{12ED8E11-A6EF-C213-FC8F-1630F784C230}"/>
          </ac:spMkLst>
        </pc:spChg>
        <pc:spChg chg="del mod ord">
          <ac:chgData name="Berger, Silje" userId="a90572ad-2c4a-4660-81fa-4a6a221aba02" providerId="ADAL" clId="{3160EF0F-1DAD-4A31-8867-9989112E19F3}" dt="2024-08-29T11:24:21.262" v="2043" actId="700"/>
          <ac:spMkLst>
            <pc:docMk/>
            <pc:sldMk cId="4274800842" sldId="285"/>
            <ac:spMk id="7" creationId="{C9EB49E6-F218-B959-CE40-297A4FAE8456}"/>
          </ac:spMkLst>
        </pc:spChg>
        <pc:spChg chg="add mod ord">
          <ac:chgData name="Berger, Silje" userId="a90572ad-2c4a-4660-81fa-4a6a221aba02" providerId="ADAL" clId="{3160EF0F-1DAD-4A31-8867-9989112E19F3}" dt="2024-08-29T11:36:38.595" v="2140" actId="14"/>
          <ac:spMkLst>
            <pc:docMk/>
            <pc:sldMk cId="4274800842" sldId="285"/>
            <ac:spMk id="9" creationId="{11462267-C838-7E83-9231-E9E70A956271}"/>
          </ac:spMkLst>
        </pc:spChg>
        <pc:spChg chg="mod">
          <ac:chgData name="Berger, Silje" userId="a90572ad-2c4a-4660-81fa-4a6a221aba02" providerId="ADAL" clId="{3160EF0F-1DAD-4A31-8867-9989112E19F3}" dt="2024-08-29T11:31:40.745" v="2084" actId="1076"/>
          <ac:spMkLst>
            <pc:docMk/>
            <pc:sldMk cId="4274800842" sldId="285"/>
            <ac:spMk id="10" creationId="{F9099146-F39F-AE1C-B193-B8997F4761B7}"/>
          </ac:spMkLst>
        </pc:spChg>
        <pc:spChg chg="mod">
          <ac:chgData name="Berger, Silje" userId="a90572ad-2c4a-4660-81fa-4a6a221aba02" providerId="ADAL" clId="{3160EF0F-1DAD-4A31-8867-9989112E19F3}" dt="2024-08-29T11:31:31.601" v="2083" actId="1076"/>
          <ac:spMkLst>
            <pc:docMk/>
            <pc:sldMk cId="4274800842" sldId="285"/>
            <ac:spMk id="11" creationId="{B8AB4273-EF2C-A4B3-8A2F-83B6DCFC87C1}"/>
          </ac:spMkLst>
        </pc:spChg>
        <pc:picChg chg="mod">
          <ac:chgData name="Berger, Silje" userId="a90572ad-2c4a-4660-81fa-4a6a221aba02" providerId="ADAL" clId="{3160EF0F-1DAD-4A31-8867-9989112E19F3}" dt="2024-08-29T11:28:32.345" v="2064" actId="1076"/>
          <ac:picMkLst>
            <pc:docMk/>
            <pc:sldMk cId="4274800842" sldId="285"/>
            <ac:picMk id="2" creationId="{39B68B78-0DFE-7FCA-99AC-312EE0D3DE63}"/>
          </ac:picMkLst>
        </pc:picChg>
        <pc:picChg chg="mod">
          <ac:chgData name="Berger, Silje" userId="a90572ad-2c4a-4660-81fa-4a6a221aba02" providerId="ADAL" clId="{3160EF0F-1DAD-4A31-8867-9989112E19F3}" dt="2024-08-29T11:31:13.145" v="2079" actId="1076"/>
          <ac:picMkLst>
            <pc:docMk/>
            <pc:sldMk cId="4274800842" sldId="285"/>
            <ac:picMk id="4" creationId="{436D8325-695B-FAB3-89CA-FFB91F8F5832}"/>
          </ac:picMkLst>
        </pc:picChg>
        <pc:picChg chg="mod">
          <ac:chgData name="Berger, Silje" userId="a90572ad-2c4a-4660-81fa-4a6a221aba02" providerId="ADAL" clId="{3160EF0F-1DAD-4A31-8867-9989112E19F3}" dt="2024-08-29T11:31:26.848" v="2082" actId="1076"/>
          <ac:picMkLst>
            <pc:docMk/>
            <pc:sldMk cId="4274800842" sldId="285"/>
            <ac:picMk id="8" creationId="{AE448AF6-BAFA-DB8C-E09C-2A92EEADF9DE}"/>
          </ac:picMkLst>
        </pc:picChg>
        <pc:picChg chg="add mod">
          <ac:chgData name="Berger, Silje" userId="a90572ad-2c4a-4660-81fa-4a6a221aba02" providerId="ADAL" clId="{3160EF0F-1DAD-4A31-8867-9989112E19F3}" dt="2024-08-29T11:31:59.295" v="2089" actId="1076"/>
          <ac:picMkLst>
            <pc:docMk/>
            <pc:sldMk cId="4274800842" sldId="285"/>
            <ac:picMk id="12" creationId="{016EC84C-2754-0FAA-DB06-B6A0AE3D7835}"/>
          </ac:picMkLst>
        </pc:picChg>
        <pc:picChg chg="add mod">
          <ac:chgData name="Berger, Silje" userId="a90572ad-2c4a-4660-81fa-4a6a221aba02" providerId="ADAL" clId="{3160EF0F-1DAD-4A31-8867-9989112E19F3}" dt="2024-08-29T11:31:54.481" v="2088" actId="1076"/>
          <ac:picMkLst>
            <pc:docMk/>
            <pc:sldMk cId="4274800842" sldId="285"/>
            <ac:picMk id="13" creationId="{4ABC01D4-21D0-E8CB-500C-E6E2FC05F922}"/>
          </ac:picMkLst>
        </pc:picChg>
        <pc:picChg chg="mod">
          <ac:chgData name="Berger, Silje" userId="a90572ad-2c4a-4660-81fa-4a6a221aba02" providerId="ADAL" clId="{3160EF0F-1DAD-4A31-8867-9989112E19F3}" dt="2024-08-29T11:31:09.985" v="2078" actId="1076"/>
          <ac:picMkLst>
            <pc:docMk/>
            <pc:sldMk cId="4274800842" sldId="285"/>
            <ac:picMk id="14" creationId="{41E0AC77-AFE1-00F2-0FE5-8F4CEA7EA5A4}"/>
          </ac:picMkLst>
        </pc:picChg>
      </pc:sldChg>
      <pc:sldChg chg="addSp delSp modSp new mod ord modNotesTx">
        <pc:chgData name="Berger, Silje" userId="a90572ad-2c4a-4660-81fa-4a6a221aba02" providerId="ADAL" clId="{3160EF0F-1DAD-4A31-8867-9989112E19F3}" dt="2024-08-29T11:14:42.539" v="1867" actId="20577"/>
        <pc:sldMkLst>
          <pc:docMk/>
          <pc:sldMk cId="2297461874" sldId="286"/>
        </pc:sldMkLst>
        <pc:spChg chg="mod">
          <ac:chgData name="Berger, Silje" userId="a90572ad-2c4a-4660-81fa-4a6a221aba02" providerId="ADAL" clId="{3160EF0F-1DAD-4A31-8867-9989112E19F3}" dt="2024-08-28T11:38:06.052" v="238"/>
          <ac:spMkLst>
            <pc:docMk/>
            <pc:sldMk cId="2297461874" sldId="286"/>
            <ac:spMk id="2" creationId="{914C11AD-01AB-D505-1512-B89691B95C68}"/>
          </ac:spMkLst>
        </pc:spChg>
        <pc:spChg chg="mod">
          <ac:chgData name="Berger, Silje" userId="a90572ad-2c4a-4660-81fa-4a6a221aba02" providerId="ADAL" clId="{3160EF0F-1DAD-4A31-8867-9989112E19F3}" dt="2024-08-29T11:11:55.009" v="1862" actId="6549"/>
          <ac:spMkLst>
            <pc:docMk/>
            <pc:sldMk cId="2297461874" sldId="286"/>
            <ac:spMk id="3" creationId="{8C0FE906-7A77-B039-BE1F-FCFE47E4A604}"/>
          </ac:spMkLst>
        </pc:spChg>
        <pc:spChg chg="add del mod">
          <ac:chgData name="Berger, Silje" userId="a90572ad-2c4a-4660-81fa-4a6a221aba02" providerId="ADAL" clId="{3160EF0F-1DAD-4A31-8867-9989112E19F3}" dt="2024-08-29T11:10:36.064" v="1829" actId="478"/>
          <ac:spMkLst>
            <pc:docMk/>
            <pc:sldMk cId="2297461874" sldId="286"/>
            <ac:spMk id="4" creationId="{268DA2B0-D02A-E4CF-FFF8-4901CC22714F}"/>
          </ac:spMkLst>
        </pc:spChg>
        <pc:picChg chg="add del mod">
          <ac:chgData name="Berger, Silje" userId="a90572ad-2c4a-4660-81fa-4a6a221aba02" providerId="ADAL" clId="{3160EF0F-1DAD-4A31-8867-9989112E19F3}" dt="2024-08-29T11:10:29.346" v="1827" actId="478"/>
          <ac:picMkLst>
            <pc:docMk/>
            <pc:sldMk cId="2297461874" sldId="286"/>
            <ac:picMk id="6" creationId="{8E980DF5-EDD9-6C44-4A98-E050BBDB8540}"/>
          </ac:picMkLst>
        </pc:picChg>
        <pc:picChg chg="add del mod">
          <ac:chgData name="Berger, Silje" userId="a90572ad-2c4a-4660-81fa-4a6a221aba02" providerId="ADAL" clId="{3160EF0F-1DAD-4A31-8867-9989112E19F3}" dt="2024-08-29T11:10:32.405" v="1828" actId="478"/>
          <ac:picMkLst>
            <pc:docMk/>
            <pc:sldMk cId="2297461874" sldId="286"/>
            <ac:picMk id="8" creationId="{97907A1D-6C36-312D-E43C-DB865CA834ED}"/>
          </ac:picMkLst>
        </pc:picChg>
        <pc:picChg chg="add mod">
          <ac:chgData name="Berger, Silje" userId="a90572ad-2c4a-4660-81fa-4a6a221aba02" providerId="ADAL" clId="{3160EF0F-1DAD-4A31-8867-9989112E19F3}" dt="2024-08-29T11:10:47.082" v="1833" actId="1076"/>
          <ac:picMkLst>
            <pc:docMk/>
            <pc:sldMk cId="2297461874" sldId="286"/>
            <ac:picMk id="10" creationId="{5C043711-2590-94F3-DF13-3D7EC72C8114}"/>
          </ac:picMkLst>
        </pc:picChg>
      </pc:sldChg>
      <pc:sldChg chg="new del ord">
        <pc:chgData name="Berger, Silje" userId="a90572ad-2c4a-4660-81fa-4a6a221aba02" providerId="ADAL" clId="{3160EF0F-1DAD-4A31-8867-9989112E19F3}" dt="2024-08-28T12:27:16.005" v="955" actId="47"/>
        <pc:sldMkLst>
          <pc:docMk/>
          <pc:sldMk cId="1882284447" sldId="287"/>
        </pc:sldMkLst>
      </pc:sldChg>
      <pc:sldChg chg="modSp new del mod">
        <pc:chgData name="Berger, Silje" userId="a90572ad-2c4a-4660-81fa-4a6a221aba02" providerId="ADAL" clId="{3160EF0F-1DAD-4A31-8867-9989112E19F3}" dt="2024-08-29T09:25:02.546" v="1470" actId="47"/>
        <pc:sldMkLst>
          <pc:docMk/>
          <pc:sldMk cId="3205661620" sldId="287"/>
        </pc:sldMkLst>
        <pc:spChg chg="mod">
          <ac:chgData name="Berger, Silje" userId="a90572ad-2c4a-4660-81fa-4a6a221aba02" providerId="ADAL" clId="{3160EF0F-1DAD-4A31-8867-9989112E19F3}" dt="2024-08-28T12:37:07.704" v="1160" actId="20577"/>
          <ac:spMkLst>
            <pc:docMk/>
            <pc:sldMk cId="3205661620" sldId="287"/>
            <ac:spMk id="3" creationId="{46E93FB1-DC39-E744-5286-434F2432E20D}"/>
          </ac:spMkLst>
        </pc:spChg>
      </pc:sldChg>
      <pc:sldChg chg="addSp modSp new mod">
        <pc:chgData name="Berger, Silje" userId="a90572ad-2c4a-4660-81fa-4a6a221aba02" providerId="ADAL" clId="{3160EF0F-1DAD-4A31-8867-9989112E19F3}" dt="2024-08-29T11:17:13.475" v="1908" actId="1076"/>
        <pc:sldMkLst>
          <pc:docMk/>
          <pc:sldMk cId="1071249947" sldId="288"/>
        </pc:sldMkLst>
        <pc:spChg chg="mod">
          <ac:chgData name="Berger, Silje" userId="a90572ad-2c4a-4660-81fa-4a6a221aba02" providerId="ADAL" clId="{3160EF0F-1DAD-4A31-8867-9989112E19F3}" dt="2024-08-29T09:18:45.405" v="1223" actId="20577"/>
          <ac:spMkLst>
            <pc:docMk/>
            <pc:sldMk cId="1071249947" sldId="288"/>
            <ac:spMk id="2" creationId="{CC4C48AD-3546-D184-AEA2-65957552D9AC}"/>
          </ac:spMkLst>
        </pc:spChg>
        <pc:spChg chg="mod">
          <ac:chgData name="Berger, Silje" userId="a90572ad-2c4a-4660-81fa-4a6a221aba02" providerId="ADAL" clId="{3160EF0F-1DAD-4A31-8867-9989112E19F3}" dt="2024-08-29T11:16:47.384" v="1890" actId="5793"/>
          <ac:spMkLst>
            <pc:docMk/>
            <pc:sldMk cId="1071249947" sldId="288"/>
            <ac:spMk id="3" creationId="{D97467AF-185C-9CB5-AE0B-E7A73A57EFB2}"/>
          </ac:spMkLst>
        </pc:spChg>
        <pc:picChg chg="add mod ord">
          <ac:chgData name="Berger, Silje" userId="a90572ad-2c4a-4660-81fa-4a6a221aba02" providerId="ADAL" clId="{3160EF0F-1DAD-4A31-8867-9989112E19F3}" dt="2024-08-29T11:17:13.475" v="1908" actId="1076"/>
          <ac:picMkLst>
            <pc:docMk/>
            <pc:sldMk cId="1071249947" sldId="288"/>
            <ac:picMk id="5" creationId="{86797416-7BA8-3AF4-C580-B46903A9B723}"/>
          </ac:picMkLst>
        </pc:picChg>
      </pc:sldChg>
      <pc:sldChg chg="addSp delSp modSp new del mod">
        <pc:chgData name="Berger, Silje" userId="a90572ad-2c4a-4660-81fa-4a6a221aba02" providerId="ADAL" clId="{3160EF0F-1DAD-4A31-8867-9989112E19F3}" dt="2024-08-29T11:12:04.692" v="1863" actId="47"/>
        <pc:sldMkLst>
          <pc:docMk/>
          <pc:sldMk cId="1032605205" sldId="289"/>
        </pc:sldMkLst>
        <pc:spChg chg="del">
          <ac:chgData name="Berger, Silje" userId="a90572ad-2c4a-4660-81fa-4a6a221aba02" providerId="ADAL" clId="{3160EF0F-1DAD-4A31-8867-9989112E19F3}" dt="2024-08-29T11:11:23.254" v="1834" actId="22"/>
          <ac:spMkLst>
            <pc:docMk/>
            <pc:sldMk cId="1032605205" sldId="289"/>
            <ac:spMk id="3" creationId="{F1F54587-AB29-5E50-6928-120786F3B2CF}"/>
          </ac:spMkLst>
        </pc:spChg>
        <pc:spChg chg="add mod">
          <ac:chgData name="Berger, Silje" userId="a90572ad-2c4a-4660-81fa-4a6a221aba02" providerId="ADAL" clId="{3160EF0F-1DAD-4A31-8867-9989112E19F3}" dt="2024-08-29T11:11:25.004" v="1835" actId="478"/>
          <ac:spMkLst>
            <pc:docMk/>
            <pc:sldMk cId="1032605205" sldId="289"/>
            <ac:spMk id="7" creationId="{E47F089B-B67B-E768-4DFF-09460A8FDAF4}"/>
          </ac:spMkLst>
        </pc:spChg>
        <pc:picChg chg="add del mod ord">
          <ac:chgData name="Berger, Silje" userId="a90572ad-2c4a-4660-81fa-4a6a221aba02" providerId="ADAL" clId="{3160EF0F-1DAD-4A31-8867-9989112E19F3}" dt="2024-08-29T11:11:25.004" v="1835" actId="478"/>
          <ac:picMkLst>
            <pc:docMk/>
            <pc:sldMk cId="1032605205" sldId="289"/>
            <ac:picMk id="5" creationId="{582FC55A-BA96-57EB-FDA7-C7EFD9A7C15A}"/>
          </ac:picMkLst>
        </pc:picChg>
      </pc:sldChg>
      <pc:sldChg chg="new del">
        <pc:chgData name="Berger, Silje" userId="a90572ad-2c4a-4660-81fa-4a6a221aba02" providerId="ADAL" clId="{3160EF0F-1DAD-4A31-8867-9989112E19F3}" dt="2024-08-29T11:36:49.920" v="2142" actId="47"/>
        <pc:sldMkLst>
          <pc:docMk/>
          <pc:sldMk cId="3395660250" sldId="289"/>
        </pc:sldMkLst>
      </pc:sldChg>
      <pc:sldChg chg="addSp delSp modSp new mod">
        <pc:chgData name="Berger, Silje" userId="a90572ad-2c4a-4660-81fa-4a6a221aba02" providerId="ADAL" clId="{3160EF0F-1DAD-4A31-8867-9989112E19F3}" dt="2024-08-29T11:36:23.940" v="2138"/>
        <pc:sldMkLst>
          <pc:docMk/>
          <pc:sldMk cId="1955232629" sldId="290"/>
        </pc:sldMkLst>
        <pc:spChg chg="mod">
          <ac:chgData name="Berger, Silje" userId="a90572ad-2c4a-4660-81fa-4a6a221aba02" providerId="ADAL" clId="{3160EF0F-1DAD-4A31-8867-9989112E19F3}" dt="2024-08-29T11:19:08.319" v="1914"/>
          <ac:spMkLst>
            <pc:docMk/>
            <pc:sldMk cId="1955232629" sldId="290"/>
            <ac:spMk id="2" creationId="{E7595EC4-0F50-A72F-A8DD-78D9DE559E9D}"/>
          </ac:spMkLst>
        </pc:spChg>
        <pc:spChg chg="mod">
          <ac:chgData name="Berger, Silje" userId="a90572ad-2c4a-4660-81fa-4a6a221aba02" providerId="ADAL" clId="{3160EF0F-1DAD-4A31-8867-9989112E19F3}" dt="2024-08-29T11:36:23.940" v="2138"/>
          <ac:spMkLst>
            <pc:docMk/>
            <pc:sldMk cId="1955232629" sldId="290"/>
            <ac:spMk id="3" creationId="{3F45020B-021F-7029-C011-3ABEFBD640AE}"/>
          </ac:spMkLst>
        </pc:spChg>
        <pc:spChg chg="add del mod">
          <ac:chgData name="Berger, Silje" userId="a90572ad-2c4a-4660-81fa-4a6a221aba02" providerId="ADAL" clId="{3160EF0F-1DAD-4A31-8867-9989112E19F3}" dt="2024-08-29T11:24:05.426" v="2042"/>
          <ac:spMkLst>
            <pc:docMk/>
            <pc:sldMk cId="1955232629" sldId="290"/>
            <ac:spMk id="9" creationId="{BC2315FA-EA86-78B9-32BA-405BD828B987}"/>
          </ac:spMkLst>
        </pc:spChg>
        <pc:picChg chg="add mod">
          <ac:chgData name="Berger, Silje" userId="a90572ad-2c4a-4660-81fa-4a6a221aba02" providerId="ADAL" clId="{3160EF0F-1DAD-4A31-8867-9989112E19F3}" dt="2024-08-29T11:35:34.224" v="2137" actId="1076"/>
          <ac:picMkLst>
            <pc:docMk/>
            <pc:sldMk cId="1955232629" sldId="290"/>
            <ac:picMk id="5" creationId="{68D2A72B-0D4A-5EE6-3ACC-FF64E8389977}"/>
          </ac:picMkLst>
        </pc:picChg>
        <pc:picChg chg="add mod">
          <ac:chgData name="Berger, Silje" userId="a90572ad-2c4a-4660-81fa-4a6a221aba02" providerId="ADAL" clId="{3160EF0F-1DAD-4A31-8867-9989112E19F3}" dt="2024-08-29T11:35:31.448" v="2136" actId="1076"/>
          <ac:picMkLst>
            <pc:docMk/>
            <pc:sldMk cId="1955232629" sldId="290"/>
            <ac:picMk id="7" creationId="{4AF863B2-CFAD-0658-5364-DEFC4EA42983}"/>
          </ac:picMkLst>
        </pc:picChg>
      </pc:sldChg>
      <pc:sldChg chg="modSp add del mod">
        <pc:chgData name="Berger, Silje" userId="a90572ad-2c4a-4660-81fa-4a6a221aba02" providerId="ADAL" clId="{3160EF0F-1DAD-4A31-8867-9989112E19F3}" dt="2024-08-29T11:33:52.200" v="2127" actId="47"/>
        <pc:sldMkLst>
          <pc:docMk/>
          <pc:sldMk cId="800601895" sldId="291"/>
        </pc:sldMkLst>
        <pc:spChg chg="mod">
          <ac:chgData name="Berger, Silje" userId="a90572ad-2c4a-4660-81fa-4a6a221aba02" providerId="ADAL" clId="{3160EF0F-1DAD-4A31-8867-9989112E19F3}" dt="2024-08-29T11:26:08.951" v="2047" actId="27636"/>
          <ac:spMkLst>
            <pc:docMk/>
            <pc:sldMk cId="800601895" sldId="291"/>
            <ac:spMk id="6" creationId="{12ED8E11-A6EF-C213-FC8F-1630F784C230}"/>
          </ac:spMkLst>
        </pc:spChg>
      </pc:sldChg>
      <pc:sldMasterChg chg="delSldLayout">
        <pc:chgData name="Berger, Silje" userId="a90572ad-2c4a-4660-81fa-4a6a221aba02" providerId="ADAL" clId="{3160EF0F-1DAD-4A31-8867-9989112E19F3}" dt="2024-08-29T11:37:22.379" v="2143" actId="47"/>
        <pc:sldMasterMkLst>
          <pc:docMk/>
          <pc:sldMasterMk cId="1175846238" sldId="2147483648"/>
        </pc:sldMasterMkLst>
        <pc:sldLayoutChg chg="del">
          <pc:chgData name="Berger, Silje" userId="a90572ad-2c4a-4660-81fa-4a6a221aba02" providerId="ADAL" clId="{3160EF0F-1DAD-4A31-8867-9989112E19F3}" dt="2024-08-29T11:36:49.920" v="2142" actId="47"/>
          <pc:sldLayoutMkLst>
            <pc:docMk/>
            <pc:sldMasterMk cId="1175846238" sldId="2147483648"/>
            <pc:sldLayoutMk cId="2747473074" sldId="2147483685"/>
          </pc:sldLayoutMkLst>
        </pc:sldLayoutChg>
        <pc:sldLayoutChg chg="del">
          <pc:chgData name="Berger, Silje" userId="a90572ad-2c4a-4660-81fa-4a6a221aba02" providerId="ADAL" clId="{3160EF0F-1DAD-4A31-8867-9989112E19F3}" dt="2024-08-29T11:33:52.200" v="2127" actId="47"/>
          <pc:sldLayoutMkLst>
            <pc:docMk/>
            <pc:sldMasterMk cId="1175846238" sldId="2147483648"/>
            <pc:sldLayoutMk cId="2016797187" sldId="2147483686"/>
          </pc:sldLayoutMkLst>
        </pc:sldLayoutChg>
        <pc:sldLayoutChg chg="del">
          <pc:chgData name="Berger, Silje" userId="a90572ad-2c4a-4660-81fa-4a6a221aba02" providerId="ADAL" clId="{3160EF0F-1DAD-4A31-8867-9989112E19F3}" dt="2024-08-29T11:37:22.379" v="2143" actId="47"/>
          <pc:sldLayoutMkLst>
            <pc:docMk/>
            <pc:sldMasterMk cId="1175846238" sldId="2147483648"/>
            <pc:sldLayoutMk cId="41164001" sldId="2147483687"/>
          </pc:sldLayoutMkLst>
        </pc:sldLayout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op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Plassholder for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9B4AA7-5121-BF4D-8928-26ECEAFD04F4}" type="datetimeFigureOut">
              <a:rPr lang="nb-NO" smtClean="0"/>
              <a:t>29.08.2024</a:t>
            </a:fld>
            <a:endParaRPr lang="nb-NO"/>
          </a:p>
        </p:txBody>
      </p:sp>
      <p:sp>
        <p:nvSpPr>
          <p:cNvPr id="4" name="Plassholder for lysbil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Plassholder for nota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CF8D77A-EA95-3D40-BBC5-5C5E0F90D92E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414102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  <a:p>
            <a:endParaRPr lang="en-US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F8D77A-EA95-3D40-BBC5-5C5E0F90D92E}" type="slidenum">
              <a:rPr lang="nb-NO" smtClean="0"/>
              <a:t>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578555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F8D77A-EA95-3D40-BBC5-5C5E0F90D92E}" type="slidenum">
              <a:rPr lang="nb-NO" smtClean="0"/>
              <a:t>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90116291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F8D77A-EA95-3D40-BBC5-5C5E0F90D92E}" type="slidenum">
              <a:rPr lang="nb-NO" smtClean="0"/>
              <a:t>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2914862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F8D77A-EA95-3D40-BBC5-5C5E0F90D92E}" type="slidenum">
              <a:rPr lang="nb-NO" smtClean="0"/>
              <a:t>6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7288395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Opprinnelig</a:t>
            </a:r>
            <a:r>
              <a:rPr lang="en-US" dirty="0"/>
              <a:t> var </a:t>
            </a:r>
            <a:r>
              <a:rPr lang="en-US" dirty="0" err="1"/>
              <a:t>tanken</a:t>
            </a:r>
            <a:r>
              <a:rPr lang="en-US" dirty="0"/>
              <a:t> å </a:t>
            </a:r>
            <a:r>
              <a:rPr lang="en-US" dirty="0" err="1"/>
              <a:t>designe</a:t>
            </a:r>
            <a:r>
              <a:rPr lang="en-US" dirty="0"/>
              <a:t> et </a:t>
            </a:r>
            <a:r>
              <a:rPr lang="en-US" dirty="0" err="1"/>
              <a:t>felforsøk</a:t>
            </a:r>
            <a:r>
              <a:rPr lang="en-US" dirty="0"/>
              <a:t>.</a:t>
            </a:r>
          </a:p>
          <a:p>
            <a:endParaRPr lang="en-US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F8D77A-EA95-3D40-BBC5-5C5E0F90D92E}" type="slidenum">
              <a:rPr lang="nb-NO" smtClean="0"/>
              <a:t>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06779353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F8D77A-EA95-3D40-BBC5-5C5E0F90D92E}" type="slidenum">
              <a:rPr lang="nb-NO" smtClean="0"/>
              <a:t>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692625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rgbClr val="00066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20000" y="2338784"/>
            <a:ext cx="7101012" cy="1001915"/>
          </a:xfrm>
        </p:spPr>
        <p:txBody>
          <a:bodyPr anchor="b" anchorCtr="0">
            <a:noAutofit/>
          </a:bodyPr>
          <a:lstStyle>
            <a:lvl1pPr>
              <a:defRPr sz="3800" b="1">
                <a:solidFill>
                  <a:srgbClr val="FFFFFF"/>
                </a:solidFill>
                <a:effectLst/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20000" y="3370042"/>
            <a:ext cx="7101012" cy="663448"/>
          </a:xfrm>
        </p:spPr>
        <p:txBody>
          <a:bodyPr>
            <a:normAutofit/>
          </a:bodyPr>
          <a:lstStyle>
            <a:lvl1pPr marL="0" indent="0" algn="l">
              <a:buNone/>
              <a:defRPr sz="2600">
                <a:solidFill>
                  <a:srgbClr val="A9E5FB"/>
                </a:solidFill>
                <a:effectLst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b-NO"/>
              <a:t>Klikk for å redigere undertittelstil i malen</a:t>
            </a:r>
            <a:endParaRPr lang="en-US" dirty="0"/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15912" y="464033"/>
            <a:ext cx="1678901" cy="1212366"/>
          </a:xfrm>
          <a:prstGeom prst="rect">
            <a:avLst/>
          </a:prstGeom>
        </p:spPr>
      </p:pic>
      <p:sp>
        <p:nvSpPr>
          <p:cNvPr id="16" name="Rectangle 15"/>
          <p:cNvSpPr/>
          <p:nvPr userDrawn="1"/>
        </p:nvSpPr>
        <p:spPr>
          <a:xfrm>
            <a:off x="7131322" y="6162319"/>
            <a:ext cx="3443668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2000" dirty="0">
                <a:solidFill>
                  <a:srgbClr val="A9E5FB"/>
                </a:solidFill>
              </a:rPr>
              <a:t>– Vi tar </a:t>
            </a:r>
            <a:r>
              <a:rPr lang="en-GB" sz="2000" dirty="0" err="1">
                <a:solidFill>
                  <a:srgbClr val="A9E5FB"/>
                </a:solidFill>
              </a:rPr>
              <a:t>ansvar</a:t>
            </a:r>
            <a:r>
              <a:rPr lang="en-GB" sz="2000" dirty="0">
                <a:solidFill>
                  <a:srgbClr val="A9E5FB"/>
                </a:solidFill>
              </a:rPr>
              <a:t> for </a:t>
            </a:r>
            <a:r>
              <a:rPr lang="en-GB" sz="2000" dirty="0" err="1">
                <a:solidFill>
                  <a:srgbClr val="A9E5FB"/>
                </a:solidFill>
              </a:rPr>
              <a:t>sjøvegen</a:t>
            </a:r>
            <a:endParaRPr lang="en-GB" sz="2000" dirty="0">
              <a:solidFill>
                <a:srgbClr val="A9E5FB"/>
              </a:solidFill>
            </a:endParaRPr>
          </a:p>
        </p:txBody>
      </p:sp>
      <p:sp>
        <p:nvSpPr>
          <p:cNvPr id="5" name="Rektangel 4"/>
          <p:cNvSpPr/>
          <p:nvPr userDrawn="1"/>
        </p:nvSpPr>
        <p:spPr>
          <a:xfrm>
            <a:off x="-1" y="2512858"/>
            <a:ext cx="236231" cy="1486042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8" name="Plassholder for bilde 7">
            <a:extLst>
              <a:ext uri="{FF2B5EF4-FFF2-40B4-BE49-F238E27FC236}">
                <a16:creationId xmlns:a16="http://schemas.microsoft.com/office/drawing/2014/main" id="{11D1D49E-C23C-064D-B030-D9088623B311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10656095" y="-33765"/>
            <a:ext cx="1580293" cy="6930403"/>
          </a:xfrm>
          <a:custGeom>
            <a:avLst/>
            <a:gdLst>
              <a:gd name="connsiteX0" fmla="*/ 2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 w 8950581"/>
              <a:gd name="connsiteY56" fmla="*/ 0 h 6858000"/>
              <a:gd name="connsiteX0" fmla="*/ 283337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83337 w 8950581"/>
              <a:gd name="connsiteY56" fmla="*/ 0 h 6858000"/>
              <a:gd name="connsiteX0" fmla="*/ 12881 w 8680125"/>
              <a:gd name="connsiteY0" fmla="*/ 0 h 6858000"/>
              <a:gd name="connsiteX1" fmla="*/ 8115088 w 8680125"/>
              <a:gd name="connsiteY1" fmla="*/ 17520 h 6858000"/>
              <a:gd name="connsiteX2" fmla="*/ 7882426 w 8680125"/>
              <a:gd name="connsiteY2" fmla="*/ 337376 h 6858000"/>
              <a:gd name="connsiteX3" fmla="*/ 7971059 w 8680125"/>
              <a:gd name="connsiteY3" fmla="*/ 546938 h 6858000"/>
              <a:gd name="connsiteX4" fmla="*/ 8159405 w 8680125"/>
              <a:gd name="connsiteY4" fmla="*/ 469731 h 6858000"/>
              <a:gd name="connsiteX5" fmla="*/ 8336671 w 8680125"/>
              <a:gd name="connsiteY5" fmla="*/ 149874 h 6858000"/>
              <a:gd name="connsiteX6" fmla="*/ 8358830 w 8680125"/>
              <a:gd name="connsiteY6" fmla="*/ 160903 h 6858000"/>
              <a:gd name="connsiteX7" fmla="*/ 8336671 w 8680125"/>
              <a:gd name="connsiteY7" fmla="*/ 414583 h 6858000"/>
              <a:gd name="connsiteX8" fmla="*/ 8469621 w 8680125"/>
              <a:gd name="connsiteY8" fmla="*/ 701351 h 6858000"/>
              <a:gd name="connsiteX9" fmla="*/ 8259117 w 8680125"/>
              <a:gd name="connsiteY9" fmla="*/ 1208710 h 6858000"/>
              <a:gd name="connsiteX10" fmla="*/ 8680125 w 8680125"/>
              <a:gd name="connsiteY10" fmla="*/ 1153562 h 6858000"/>
              <a:gd name="connsiteX11" fmla="*/ 8680125 w 8680125"/>
              <a:gd name="connsiteY11" fmla="*/ 1186651 h 6858000"/>
              <a:gd name="connsiteX12" fmla="*/ 8159405 w 8680125"/>
              <a:gd name="connsiteY12" fmla="*/ 1484449 h 6858000"/>
              <a:gd name="connsiteX13" fmla="*/ 8281275 w 8680125"/>
              <a:gd name="connsiteY13" fmla="*/ 1671951 h 6858000"/>
              <a:gd name="connsiteX14" fmla="*/ 8602571 w 8680125"/>
              <a:gd name="connsiteY14" fmla="*/ 1627834 h 6858000"/>
              <a:gd name="connsiteX15" fmla="*/ 8602571 w 8680125"/>
              <a:gd name="connsiteY15" fmla="*/ 1638863 h 6858000"/>
              <a:gd name="connsiteX16" fmla="*/ 8525017 w 8680125"/>
              <a:gd name="connsiteY16" fmla="*/ 2113133 h 6858000"/>
              <a:gd name="connsiteX17" fmla="*/ 8502859 w 8680125"/>
              <a:gd name="connsiteY17" fmla="*/ 2113133 h 6858000"/>
              <a:gd name="connsiteX18" fmla="*/ 8092929 w 8680125"/>
              <a:gd name="connsiteY18" fmla="*/ 1760187 h 6858000"/>
              <a:gd name="connsiteX19" fmla="*/ 8104009 w 8680125"/>
              <a:gd name="connsiteY19" fmla="*/ 2080045 h 6858000"/>
              <a:gd name="connsiteX20" fmla="*/ 8225879 w 8680125"/>
              <a:gd name="connsiteY20" fmla="*/ 2124162 h 6858000"/>
              <a:gd name="connsiteX21" fmla="*/ 8225879 w 8680125"/>
              <a:gd name="connsiteY21" fmla="*/ 2146222 h 6858000"/>
              <a:gd name="connsiteX22" fmla="*/ 8115088 w 8680125"/>
              <a:gd name="connsiteY22" fmla="*/ 2300635 h 6858000"/>
              <a:gd name="connsiteX23" fmla="*/ 8236958 w 8680125"/>
              <a:gd name="connsiteY23" fmla="*/ 2477109 h 6858000"/>
              <a:gd name="connsiteX24" fmla="*/ 8469621 w 8680125"/>
              <a:gd name="connsiteY24" fmla="*/ 2499167 h 6858000"/>
              <a:gd name="connsiteX25" fmla="*/ 8469621 w 8680125"/>
              <a:gd name="connsiteY25" fmla="*/ 2521226 h 6858000"/>
              <a:gd name="connsiteX26" fmla="*/ 8270196 w 8680125"/>
              <a:gd name="connsiteY26" fmla="*/ 2642551 h 6858000"/>
              <a:gd name="connsiteX27" fmla="*/ 8292354 w 8680125"/>
              <a:gd name="connsiteY27" fmla="*/ 3017556 h 6858000"/>
              <a:gd name="connsiteX28" fmla="*/ 8646887 w 8680125"/>
              <a:gd name="connsiteY28" fmla="*/ 2940349 h 6858000"/>
              <a:gd name="connsiteX29" fmla="*/ 8646887 w 8680125"/>
              <a:gd name="connsiteY29" fmla="*/ 2951379 h 6858000"/>
              <a:gd name="connsiteX30" fmla="*/ 8292354 w 8680125"/>
              <a:gd name="connsiteY30" fmla="*/ 3194029 h 6858000"/>
              <a:gd name="connsiteX31" fmla="*/ 8048614 w 8680125"/>
              <a:gd name="connsiteY31" fmla="*/ 3734477 h 6858000"/>
              <a:gd name="connsiteX32" fmla="*/ 8115088 w 8680125"/>
              <a:gd name="connsiteY32" fmla="*/ 4021244 h 6858000"/>
              <a:gd name="connsiteX33" fmla="*/ 8369909 w 8680125"/>
              <a:gd name="connsiteY33" fmla="*/ 4120510 h 6858000"/>
              <a:gd name="connsiteX34" fmla="*/ 8369909 w 8680125"/>
              <a:gd name="connsiteY34" fmla="*/ 4131539 h 6858000"/>
              <a:gd name="connsiteX35" fmla="*/ 8192642 w 8680125"/>
              <a:gd name="connsiteY35" fmla="*/ 4285954 h 6858000"/>
              <a:gd name="connsiteX36" fmla="*/ 8281275 w 8680125"/>
              <a:gd name="connsiteY36" fmla="*/ 4473456 h 6858000"/>
              <a:gd name="connsiteX37" fmla="*/ 8281275 w 8680125"/>
              <a:gd name="connsiteY37" fmla="*/ 4495515 h 6858000"/>
              <a:gd name="connsiteX38" fmla="*/ 8126167 w 8680125"/>
              <a:gd name="connsiteY38" fmla="*/ 4550663 h 6858000"/>
              <a:gd name="connsiteX39" fmla="*/ 8214801 w 8680125"/>
              <a:gd name="connsiteY39" fmla="*/ 4793313 h 6858000"/>
              <a:gd name="connsiteX40" fmla="*/ 8126167 w 8680125"/>
              <a:gd name="connsiteY40" fmla="*/ 4936696 h 6858000"/>
              <a:gd name="connsiteX41" fmla="*/ 8303434 w 8680125"/>
              <a:gd name="connsiteY41" fmla="*/ 5289642 h 6858000"/>
              <a:gd name="connsiteX42" fmla="*/ 8480700 w 8680125"/>
              <a:gd name="connsiteY42" fmla="*/ 5377878 h 6858000"/>
              <a:gd name="connsiteX43" fmla="*/ 8480700 w 8680125"/>
              <a:gd name="connsiteY43" fmla="*/ 5410967 h 6858000"/>
              <a:gd name="connsiteX44" fmla="*/ 8270196 w 8680125"/>
              <a:gd name="connsiteY44" fmla="*/ 5477144 h 6858000"/>
              <a:gd name="connsiteX45" fmla="*/ 8248038 w 8680125"/>
              <a:gd name="connsiteY45" fmla="*/ 5774942 h 6858000"/>
              <a:gd name="connsiteX46" fmla="*/ 8536096 w 8680125"/>
              <a:gd name="connsiteY46" fmla="*/ 5719795 h 6858000"/>
              <a:gd name="connsiteX47" fmla="*/ 8547175 w 8680125"/>
              <a:gd name="connsiteY47" fmla="*/ 5741853 h 6858000"/>
              <a:gd name="connsiteX48" fmla="*/ 8392067 w 8680125"/>
              <a:gd name="connsiteY48" fmla="*/ 5830090 h 6858000"/>
              <a:gd name="connsiteX49" fmla="*/ 8248038 w 8680125"/>
              <a:gd name="connsiteY49" fmla="*/ 6072740 h 6858000"/>
              <a:gd name="connsiteX50" fmla="*/ 8436383 w 8680125"/>
              <a:gd name="connsiteY50" fmla="*/ 6160977 h 6858000"/>
              <a:gd name="connsiteX51" fmla="*/ 8436383 w 8680125"/>
              <a:gd name="connsiteY51" fmla="*/ 6205095 h 6858000"/>
              <a:gd name="connsiteX52" fmla="*/ 8281275 w 8680125"/>
              <a:gd name="connsiteY52" fmla="*/ 6282301 h 6858000"/>
              <a:gd name="connsiteX53" fmla="*/ 8259117 w 8680125"/>
              <a:gd name="connsiteY53" fmla="*/ 6723483 h 6858000"/>
              <a:gd name="connsiteX54" fmla="*/ 8181563 w 8680125"/>
              <a:gd name="connsiteY54" fmla="*/ 6844808 h 6858000"/>
              <a:gd name="connsiteX55" fmla="*/ 0 w 8680125"/>
              <a:gd name="connsiteY55" fmla="*/ 6858000 h 6858000"/>
              <a:gd name="connsiteX56" fmla="*/ 12881 w 8680125"/>
              <a:gd name="connsiteY56" fmla="*/ 0 h 6858000"/>
              <a:gd name="connsiteX0" fmla="*/ 12142476 w 12142476"/>
              <a:gd name="connsiteY0" fmla="*/ 7904 h 6840480"/>
              <a:gd name="connsiteX1" fmla="*/ 8115088 w 12142476"/>
              <a:gd name="connsiteY1" fmla="*/ 0 h 6840480"/>
              <a:gd name="connsiteX2" fmla="*/ 7882426 w 12142476"/>
              <a:gd name="connsiteY2" fmla="*/ 319856 h 6840480"/>
              <a:gd name="connsiteX3" fmla="*/ 7971059 w 12142476"/>
              <a:gd name="connsiteY3" fmla="*/ 529418 h 6840480"/>
              <a:gd name="connsiteX4" fmla="*/ 8159405 w 12142476"/>
              <a:gd name="connsiteY4" fmla="*/ 452211 h 6840480"/>
              <a:gd name="connsiteX5" fmla="*/ 8336671 w 12142476"/>
              <a:gd name="connsiteY5" fmla="*/ 132354 h 6840480"/>
              <a:gd name="connsiteX6" fmla="*/ 8358830 w 12142476"/>
              <a:gd name="connsiteY6" fmla="*/ 143383 h 6840480"/>
              <a:gd name="connsiteX7" fmla="*/ 8336671 w 12142476"/>
              <a:gd name="connsiteY7" fmla="*/ 397063 h 6840480"/>
              <a:gd name="connsiteX8" fmla="*/ 8469621 w 12142476"/>
              <a:gd name="connsiteY8" fmla="*/ 683831 h 6840480"/>
              <a:gd name="connsiteX9" fmla="*/ 8259117 w 12142476"/>
              <a:gd name="connsiteY9" fmla="*/ 1191190 h 6840480"/>
              <a:gd name="connsiteX10" fmla="*/ 8680125 w 12142476"/>
              <a:gd name="connsiteY10" fmla="*/ 1136042 h 6840480"/>
              <a:gd name="connsiteX11" fmla="*/ 8680125 w 12142476"/>
              <a:gd name="connsiteY11" fmla="*/ 1169131 h 6840480"/>
              <a:gd name="connsiteX12" fmla="*/ 8159405 w 12142476"/>
              <a:gd name="connsiteY12" fmla="*/ 1466929 h 6840480"/>
              <a:gd name="connsiteX13" fmla="*/ 8281275 w 12142476"/>
              <a:gd name="connsiteY13" fmla="*/ 1654431 h 6840480"/>
              <a:gd name="connsiteX14" fmla="*/ 8602571 w 12142476"/>
              <a:gd name="connsiteY14" fmla="*/ 1610314 h 6840480"/>
              <a:gd name="connsiteX15" fmla="*/ 8602571 w 12142476"/>
              <a:gd name="connsiteY15" fmla="*/ 1621343 h 6840480"/>
              <a:gd name="connsiteX16" fmla="*/ 8525017 w 12142476"/>
              <a:gd name="connsiteY16" fmla="*/ 2095613 h 6840480"/>
              <a:gd name="connsiteX17" fmla="*/ 8502859 w 12142476"/>
              <a:gd name="connsiteY17" fmla="*/ 2095613 h 6840480"/>
              <a:gd name="connsiteX18" fmla="*/ 8092929 w 12142476"/>
              <a:gd name="connsiteY18" fmla="*/ 1742667 h 6840480"/>
              <a:gd name="connsiteX19" fmla="*/ 8104009 w 12142476"/>
              <a:gd name="connsiteY19" fmla="*/ 2062525 h 6840480"/>
              <a:gd name="connsiteX20" fmla="*/ 8225879 w 12142476"/>
              <a:gd name="connsiteY20" fmla="*/ 2106642 h 6840480"/>
              <a:gd name="connsiteX21" fmla="*/ 8225879 w 12142476"/>
              <a:gd name="connsiteY21" fmla="*/ 2128702 h 6840480"/>
              <a:gd name="connsiteX22" fmla="*/ 8115088 w 12142476"/>
              <a:gd name="connsiteY22" fmla="*/ 2283115 h 6840480"/>
              <a:gd name="connsiteX23" fmla="*/ 8236958 w 12142476"/>
              <a:gd name="connsiteY23" fmla="*/ 2459589 h 6840480"/>
              <a:gd name="connsiteX24" fmla="*/ 8469621 w 12142476"/>
              <a:gd name="connsiteY24" fmla="*/ 2481647 h 6840480"/>
              <a:gd name="connsiteX25" fmla="*/ 8469621 w 12142476"/>
              <a:gd name="connsiteY25" fmla="*/ 2503706 h 6840480"/>
              <a:gd name="connsiteX26" fmla="*/ 8270196 w 12142476"/>
              <a:gd name="connsiteY26" fmla="*/ 2625031 h 6840480"/>
              <a:gd name="connsiteX27" fmla="*/ 8292354 w 12142476"/>
              <a:gd name="connsiteY27" fmla="*/ 3000036 h 6840480"/>
              <a:gd name="connsiteX28" fmla="*/ 8646887 w 12142476"/>
              <a:gd name="connsiteY28" fmla="*/ 2922829 h 6840480"/>
              <a:gd name="connsiteX29" fmla="*/ 8646887 w 12142476"/>
              <a:gd name="connsiteY29" fmla="*/ 2933859 h 6840480"/>
              <a:gd name="connsiteX30" fmla="*/ 8292354 w 12142476"/>
              <a:gd name="connsiteY30" fmla="*/ 3176509 h 6840480"/>
              <a:gd name="connsiteX31" fmla="*/ 8048614 w 12142476"/>
              <a:gd name="connsiteY31" fmla="*/ 3716957 h 6840480"/>
              <a:gd name="connsiteX32" fmla="*/ 8115088 w 12142476"/>
              <a:gd name="connsiteY32" fmla="*/ 4003724 h 6840480"/>
              <a:gd name="connsiteX33" fmla="*/ 8369909 w 12142476"/>
              <a:gd name="connsiteY33" fmla="*/ 4102990 h 6840480"/>
              <a:gd name="connsiteX34" fmla="*/ 8369909 w 12142476"/>
              <a:gd name="connsiteY34" fmla="*/ 4114019 h 6840480"/>
              <a:gd name="connsiteX35" fmla="*/ 8192642 w 12142476"/>
              <a:gd name="connsiteY35" fmla="*/ 4268434 h 6840480"/>
              <a:gd name="connsiteX36" fmla="*/ 8281275 w 12142476"/>
              <a:gd name="connsiteY36" fmla="*/ 4455936 h 6840480"/>
              <a:gd name="connsiteX37" fmla="*/ 8281275 w 12142476"/>
              <a:gd name="connsiteY37" fmla="*/ 4477995 h 6840480"/>
              <a:gd name="connsiteX38" fmla="*/ 8126167 w 12142476"/>
              <a:gd name="connsiteY38" fmla="*/ 4533143 h 6840480"/>
              <a:gd name="connsiteX39" fmla="*/ 8214801 w 12142476"/>
              <a:gd name="connsiteY39" fmla="*/ 4775793 h 6840480"/>
              <a:gd name="connsiteX40" fmla="*/ 8126167 w 12142476"/>
              <a:gd name="connsiteY40" fmla="*/ 4919176 h 6840480"/>
              <a:gd name="connsiteX41" fmla="*/ 8303434 w 12142476"/>
              <a:gd name="connsiteY41" fmla="*/ 5272122 h 6840480"/>
              <a:gd name="connsiteX42" fmla="*/ 8480700 w 12142476"/>
              <a:gd name="connsiteY42" fmla="*/ 5360358 h 6840480"/>
              <a:gd name="connsiteX43" fmla="*/ 8480700 w 12142476"/>
              <a:gd name="connsiteY43" fmla="*/ 5393447 h 6840480"/>
              <a:gd name="connsiteX44" fmla="*/ 8270196 w 12142476"/>
              <a:gd name="connsiteY44" fmla="*/ 5459624 h 6840480"/>
              <a:gd name="connsiteX45" fmla="*/ 8248038 w 12142476"/>
              <a:gd name="connsiteY45" fmla="*/ 5757422 h 6840480"/>
              <a:gd name="connsiteX46" fmla="*/ 8536096 w 12142476"/>
              <a:gd name="connsiteY46" fmla="*/ 5702275 h 6840480"/>
              <a:gd name="connsiteX47" fmla="*/ 8547175 w 12142476"/>
              <a:gd name="connsiteY47" fmla="*/ 5724333 h 6840480"/>
              <a:gd name="connsiteX48" fmla="*/ 8392067 w 12142476"/>
              <a:gd name="connsiteY48" fmla="*/ 5812570 h 6840480"/>
              <a:gd name="connsiteX49" fmla="*/ 8248038 w 12142476"/>
              <a:gd name="connsiteY49" fmla="*/ 6055220 h 6840480"/>
              <a:gd name="connsiteX50" fmla="*/ 8436383 w 12142476"/>
              <a:gd name="connsiteY50" fmla="*/ 6143457 h 6840480"/>
              <a:gd name="connsiteX51" fmla="*/ 8436383 w 12142476"/>
              <a:gd name="connsiteY51" fmla="*/ 6187575 h 6840480"/>
              <a:gd name="connsiteX52" fmla="*/ 8281275 w 12142476"/>
              <a:gd name="connsiteY52" fmla="*/ 6264781 h 6840480"/>
              <a:gd name="connsiteX53" fmla="*/ 8259117 w 12142476"/>
              <a:gd name="connsiteY53" fmla="*/ 6705963 h 6840480"/>
              <a:gd name="connsiteX54" fmla="*/ 8181563 w 12142476"/>
              <a:gd name="connsiteY54" fmla="*/ 6827288 h 6840480"/>
              <a:gd name="connsiteX55" fmla="*/ 0 w 12142476"/>
              <a:gd name="connsiteY55" fmla="*/ 6840480 h 6840480"/>
              <a:gd name="connsiteX56" fmla="*/ 12142476 w 12142476"/>
              <a:gd name="connsiteY56" fmla="*/ 7904 h 6840480"/>
              <a:gd name="connsiteX0" fmla="*/ 4260050 w 4260050"/>
              <a:gd name="connsiteY0" fmla="*/ 7904 h 6840480"/>
              <a:gd name="connsiteX1" fmla="*/ 232662 w 4260050"/>
              <a:gd name="connsiteY1" fmla="*/ 0 h 6840480"/>
              <a:gd name="connsiteX2" fmla="*/ 0 w 4260050"/>
              <a:gd name="connsiteY2" fmla="*/ 319856 h 6840480"/>
              <a:gd name="connsiteX3" fmla="*/ 88633 w 4260050"/>
              <a:gd name="connsiteY3" fmla="*/ 529418 h 6840480"/>
              <a:gd name="connsiteX4" fmla="*/ 276979 w 4260050"/>
              <a:gd name="connsiteY4" fmla="*/ 452211 h 6840480"/>
              <a:gd name="connsiteX5" fmla="*/ 454245 w 4260050"/>
              <a:gd name="connsiteY5" fmla="*/ 132354 h 6840480"/>
              <a:gd name="connsiteX6" fmla="*/ 476404 w 4260050"/>
              <a:gd name="connsiteY6" fmla="*/ 143383 h 6840480"/>
              <a:gd name="connsiteX7" fmla="*/ 454245 w 4260050"/>
              <a:gd name="connsiteY7" fmla="*/ 397063 h 6840480"/>
              <a:gd name="connsiteX8" fmla="*/ 587195 w 4260050"/>
              <a:gd name="connsiteY8" fmla="*/ 683831 h 6840480"/>
              <a:gd name="connsiteX9" fmla="*/ 376691 w 4260050"/>
              <a:gd name="connsiteY9" fmla="*/ 1191190 h 6840480"/>
              <a:gd name="connsiteX10" fmla="*/ 797699 w 4260050"/>
              <a:gd name="connsiteY10" fmla="*/ 1136042 h 6840480"/>
              <a:gd name="connsiteX11" fmla="*/ 797699 w 4260050"/>
              <a:gd name="connsiteY11" fmla="*/ 1169131 h 6840480"/>
              <a:gd name="connsiteX12" fmla="*/ 276979 w 4260050"/>
              <a:gd name="connsiteY12" fmla="*/ 1466929 h 6840480"/>
              <a:gd name="connsiteX13" fmla="*/ 398849 w 4260050"/>
              <a:gd name="connsiteY13" fmla="*/ 1654431 h 6840480"/>
              <a:gd name="connsiteX14" fmla="*/ 720145 w 4260050"/>
              <a:gd name="connsiteY14" fmla="*/ 1610314 h 6840480"/>
              <a:gd name="connsiteX15" fmla="*/ 720145 w 4260050"/>
              <a:gd name="connsiteY15" fmla="*/ 1621343 h 6840480"/>
              <a:gd name="connsiteX16" fmla="*/ 642591 w 4260050"/>
              <a:gd name="connsiteY16" fmla="*/ 2095613 h 6840480"/>
              <a:gd name="connsiteX17" fmla="*/ 620433 w 4260050"/>
              <a:gd name="connsiteY17" fmla="*/ 2095613 h 6840480"/>
              <a:gd name="connsiteX18" fmla="*/ 210503 w 4260050"/>
              <a:gd name="connsiteY18" fmla="*/ 1742667 h 6840480"/>
              <a:gd name="connsiteX19" fmla="*/ 221583 w 4260050"/>
              <a:gd name="connsiteY19" fmla="*/ 2062525 h 6840480"/>
              <a:gd name="connsiteX20" fmla="*/ 343453 w 4260050"/>
              <a:gd name="connsiteY20" fmla="*/ 2106642 h 6840480"/>
              <a:gd name="connsiteX21" fmla="*/ 343453 w 4260050"/>
              <a:gd name="connsiteY21" fmla="*/ 2128702 h 6840480"/>
              <a:gd name="connsiteX22" fmla="*/ 232662 w 4260050"/>
              <a:gd name="connsiteY22" fmla="*/ 2283115 h 6840480"/>
              <a:gd name="connsiteX23" fmla="*/ 354532 w 4260050"/>
              <a:gd name="connsiteY23" fmla="*/ 2459589 h 6840480"/>
              <a:gd name="connsiteX24" fmla="*/ 587195 w 4260050"/>
              <a:gd name="connsiteY24" fmla="*/ 2481647 h 6840480"/>
              <a:gd name="connsiteX25" fmla="*/ 587195 w 4260050"/>
              <a:gd name="connsiteY25" fmla="*/ 2503706 h 6840480"/>
              <a:gd name="connsiteX26" fmla="*/ 387770 w 4260050"/>
              <a:gd name="connsiteY26" fmla="*/ 2625031 h 6840480"/>
              <a:gd name="connsiteX27" fmla="*/ 409928 w 4260050"/>
              <a:gd name="connsiteY27" fmla="*/ 3000036 h 6840480"/>
              <a:gd name="connsiteX28" fmla="*/ 764461 w 4260050"/>
              <a:gd name="connsiteY28" fmla="*/ 2922829 h 6840480"/>
              <a:gd name="connsiteX29" fmla="*/ 764461 w 4260050"/>
              <a:gd name="connsiteY29" fmla="*/ 2933859 h 6840480"/>
              <a:gd name="connsiteX30" fmla="*/ 409928 w 4260050"/>
              <a:gd name="connsiteY30" fmla="*/ 3176509 h 6840480"/>
              <a:gd name="connsiteX31" fmla="*/ 166188 w 4260050"/>
              <a:gd name="connsiteY31" fmla="*/ 3716957 h 6840480"/>
              <a:gd name="connsiteX32" fmla="*/ 232662 w 4260050"/>
              <a:gd name="connsiteY32" fmla="*/ 4003724 h 6840480"/>
              <a:gd name="connsiteX33" fmla="*/ 487483 w 4260050"/>
              <a:gd name="connsiteY33" fmla="*/ 4102990 h 6840480"/>
              <a:gd name="connsiteX34" fmla="*/ 487483 w 4260050"/>
              <a:gd name="connsiteY34" fmla="*/ 4114019 h 6840480"/>
              <a:gd name="connsiteX35" fmla="*/ 310216 w 4260050"/>
              <a:gd name="connsiteY35" fmla="*/ 4268434 h 6840480"/>
              <a:gd name="connsiteX36" fmla="*/ 398849 w 4260050"/>
              <a:gd name="connsiteY36" fmla="*/ 4455936 h 6840480"/>
              <a:gd name="connsiteX37" fmla="*/ 398849 w 4260050"/>
              <a:gd name="connsiteY37" fmla="*/ 4477995 h 6840480"/>
              <a:gd name="connsiteX38" fmla="*/ 243741 w 4260050"/>
              <a:gd name="connsiteY38" fmla="*/ 4533143 h 6840480"/>
              <a:gd name="connsiteX39" fmla="*/ 332375 w 4260050"/>
              <a:gd name="connsiteY39" fmla="*/ 4775793 h 6840480"/>
              <a:gd name="connsiteX40" fmla="*/ 243741 w 4260050"/>
              <a:gd name="connsiteY40" fmla="*/ 4919176 h 6840480"/>
              <a:gd name="connsiteX41" fmla="*/ 421008 w 4260050"/>
              <a:gd name="connsiteY41" fmla="*/ 5272122 h 6840480"/>
              <a:gd name="connsiteX42" fmla="*/ 598274 w 4260050"/>
              <a:gd name="connsiteY42" fmla="*/ 5360358 h 6840480"/>
              <a:gd name="connsiteX43" fmla="*/ 598274 w 4260050"/>
              <a:gd name="connsiteY43" fmla="*/ 5393447 h 6840480"/>
              <a:gd name="connsiteX44" fmla="*/ 387770 w 4260050"/>
              <a:gd name="connsiteY44" fmla="*/ 5459624 h 6840480"/>
              <a:gd name="connsiteX45" fmla="*/ 365612 w 4260050"/>
              <a:gd name="connsiteY45" fmla="*/ 5757422 h 6840480"/>
              <a:gd name="connsiteX46" fmla="*/ 653670 w 4260050"/>
              <a:gd name="connsiteY46" fmla="*/ 5702275 h 6840480"/>
              <a:gd name="connsiteX47" fmla="*/ 664749 w 4260050"/>
              <a:gd name="connsiteY47" fmla="*/ 5724333 h 6840480"/>
              <a:gd name="connsiteX48" fmla="*/ 509641 w 4260050"/>
              <a:gd name="connsiteY48" fmla="*/ 5812570 h 6840480"/>
              <a:gd name="connsiteX49" fmla="*/ 365612 w 4260050"/>
              <a:gd name="connsiteY49" fmla="*/ 6055220 h 6840480"/>
              <a:gd name="connsiteX50" fmla="*/ 553957 w 4260050"/>
              <a:gd name="connsiteY50" fmla="*/ 6143457 h 6840480"/>
              <a:gd name="connsiteX51" fmla="*/ 553957 w 4260050"/>
              <a:gd name="connsiteY51" fmla="*/ 6187575 h 6840480"/>
              <a:gd name="connsiteX52" fmla="*/ 398849 w 4260050"/>
              <a:gd name="connsiteY52" fmla="*/ 6264781 h 6840480"/>
              <a:gd name="connsiteX53" fmla="*/ 376691 w 4260050"/>
              <a:gd name="connsiteY53" fmla="*/ 6705963 h 6840480"/>
              <a:gd name="connsiteX54" fmla="*/ 299137 w 4260050"/>
              <a:gd name="connsiteY54" fmla="*/ 6827288 h 6840480"/>
              <a:gd name="connsiteX55" fmla="*/ 4247170 w 4260050"/>
              <a:gd name="connsiteY55" fmla="*/ 6840480 h 6840480"/>
              <a:gd name="connsiteX56" fmla="*/ 4260050 w 4260050"/>
              <a:gd name="connsiteY56" fmla="*/ 7904 h 6840480"/>
              <a:gd name="connsiteX0" fmla="*/ 3267282 w 4247170"/>
              <a:gd name="connsiteY0" fmla="*/ 7904 h 6840480"/>
              <a:gd name="connsiteX1" fmla="*/ 232662 w 4247170"/>
              <a:gd name="connsiteY1" fmla="*/ 0 h 6840480"/>
              <a:gd name="connsiteX2" fmla="*/ 0 w 4247170"/>
              <a:gd name="connsiteY2" fmla="*/ 319856 h 6840480"/>
              <a:gd name="connsiteX3" fmla="*/ 88633 w 4247170"/>
              <a:gd name="connsiteY3" fmla="*/ 529418 h 6840480"/>
              <a:gd name="connsiteX4" fmla="*/ 276979 w 4247170"/>
              <a:gd name="connsiteY4" fmla="*/ 452211 h 6840480"/>
              <a:gd name="connsiteX5" fmla="*/ 454245 w 4247170"/>
              <a:gd name="connsiteY5" fmla="*/ 132354 h 6840480"/>
              <a:gd name="connsiteX6" fmla="*/ 476404 w 4247170"/>
              <a:gd name="connsiteY6" fmla="*/ 143383 h 6840480"/>
              <a:gd name="connsiteX7" fmla="*/ 454245 w 4247170"/>
              <a:gd name="connsiteY7" fmla="*/ 397063 h 6840480"/>
              <a:gd name="connsiteX8" fmla="*/ 587195 w 4247170"/>
              <a:gd name="connsiteY8" fmla="*/ 683831 h 6840480"/>
              <a:gd name="connsiteX9" fmla="*/ 376691 w 4247170"/>
              <a:gd name="connsiteY9" fmla="*/ 1191190 h 6840480"/>
              <a:gd name="connsiteX10" fmla="*/ 797699 w 4247170"/>
              <a:gd name="connsiteY10" fmla="*/ 1136042 h 6840480"/>
              <a:gd name="connsiteX11" fmla="*/ 797699 w 4247170"/>
              <a:gd name="connsiteY11" fmla="*/ 1169131 h 6840480"/>
              <a:gd name="connsiteX12" fmla="*/ 276979 w 4247170"/>
              <a:gd name="connsiteY12" fmla="*/ 1466929 h 6840480"/>
              <a:gd name="connsiteX13" fmla="*/ 398849 w 4247170"/>
              <a:gd name="connsiteY13" fmla="*/ 1654431 h 6840480"/>
              <a:gd name="connsiteX14" fmla="*/ 720145 w 4247170"/>
              <a:gd name="connsiteY14" fmla="*/ 1610314 h 6840480"/>
              <a:gd name="connsiteX15" fmla="*/ 720145 w 4247170"/>
              <a:gd name="connsiteY15" fmla="*/ 1621343 h 6840480"/>
              <a:gd name="connsiteX16" fmla="*/ 642591 w 4247170"/>
              <a:gd name="connsiteY16" fmla="*/ 2095613 h 6840480"/>
              <a:gd name="connsiteX17" fmla="*/ 620433 w 4247170"/>
              <a:gd name="connsiteY17" fmla="*/ 2095613 h 6840480"/>
              <a:gd name="connsiteX18" fmla="*/ 210503 w 4247170"/>
              <a:gd name="connsiteY18" fmla="*/ 1742667 h 6840480"/>
              <a:gd name="connsiteX19" fmla="*/ 221583 w 4247170"/>
              <a:gd name="connsiteY19" fmla="*/ 2062525 h 6840480"/>
              <a:gd name="connsiteX20" fmla="*/ 343453 w 4247170"/>
              <a:gd name="connsiteY20" fmla="*/ 2106642 h 6840480"/>
              <a:gd name="connsiteX21" fmla="*/ 343453 w 4247170"/>
              <a:gd name="connsiteY21" fmla="*/ 2128702 h 6840480"/>
              <a:gd name="connsiteX22" fmla="*/ 232662 w 4247170"/>
              <a:gd name="connsiteY22" fmla="*/ 2283115 h 6840480"/>
              <a:gd name="connsiteX23" fmla="*/ 354532 w 4247170"/>
              <a:gd name="connsiteY23" fmla="*/ 2459589 h 6840480"/>
              <a:gd name="connsiteX24" fmla="*/ 587195 w 4247170"/>
              <a:gd name="connsiteY24" fmla="*/ 2481647 h 6840480"/>
              <a:gd name="connsiteX25" fmla="*/ 587195 w 4247170"/>
              <a:gd name="connsiteY25" fmla="*/ 2503706 h 6840480"/>
              <a:gd name="connsiteX26" fmla="*/ 387770 w 4247170"/>
              <a:gd name="connsiteY26" fmla="*/ 2625031 h 6840480"/>
              <a:gd name="connsiteX27" fmla="*/ 409928 w 4247170"/>
              <a:gd name="connsiteY27" fmla="*/ 3000036 h 6840480"/>
              <a:gd name="connsiteX28" fmla="*/ 764461 w 4247170"/>
              <a:gd name="connsiteY28" fmla="*/ 2922829 h 6840480"/>
              <a:gd name="connsiteX29" fmla="*/ 764461 w 4247170"/>
              <a:gd name="connsiteY29" fmla="*/ 2933859 h 6840480"/>
              <a:gd name="connsiteX30" fmla="*/ 409928 w 4247170"/>
              <a:gd name="connsiteY30" fmla="*/ 3176509 h 6840480"/>
              <a:gd name="connsiteX31" fmla="*/ 166188 w 4247170"/>
              <a:gd name="connsiteY31" fmla="*/ 3716957 h 6840480"/>
              <a:gd name="connsiteX32" fmla="*/ 232662 w 4247170"/>
              <a:gd name="connsiteY32" fmla="*/ 4003724 h 6840480"/>
              <a:gd name="connsiteX33" fmla="*/ 487483 w 4247170"/>
              <a:gd name="connsiteY33" fmla="*/ 4102990 h 6840480"/>
              <a:gd name="connsiteX34" fmla="*/ 487483 w 4247170"/>
              <a:gd name="connsiteY34" fmla="*/ 4114019 h 6840480"/>
              <a:gd name="connsiteX35" fmla="*/ 310216 w 4247170"/>
              <a:gd name="connsiteY35" fmla="*/ 4268434 h 6840480"/>
              <a:gd name="connsiteX36" fmla="*/ 398849 w 4247170"/>
              <a:gd name="connsiteY36" fmla="*/ 4455936 h 6840480"/>
              <a:gd name="connsiteX37" fmla="*/ 398849 w 4247170"/>
              <a:gd name="connsiteY37" fmla="*/ 4477995 h 6840480"/>
              <a:gd name="connsiteX38" fmla="*/ 243741 w 4247170"/>
              <a:gd name="connsiteY38" fmla="*/ 4533143 h 6840480"/>
              <a:gd name="connsiteX39" fmla="*/ 332375 w 4247170"/>
              <a:gd name="connsiteY39" fmla="*/ 4775793 h 6840480"/>
              <a:gd name="connsiteX40" fmla="*/ 243741 w 4247170"/>
              <a:gd name="connsiteY40" fmla="*/ 4919176 h 6840480"/>
              <a:gd name="connsiteX41" fmla="*/ 421008 w 4247170"/>
              <a:gd name="connsiteY41" fmla="*/ 5272122 h 6840480"/>
              <a:gd name="connsiteX42" fmla="*/ 598274 w 4247170"/>
              <a:gd name="connsiteY42" fmla="*/ 5360358 h 6840480"/>
              <a:gd name="connsiteX43" fmla="*/ 598274 w 4247170"/>
              <a:gd name="connsiteY43" fmla="*/ 5393447 h 6840480"/>
              <a:gd name="connsiteX44" fmla="*/ 387770 w 4247170"/>
              <a:gd name="connsiteY44" fmla="*/ 5459624 h 6840480"/>
              <a:gd name="connsiteX45" fmla="*/ 365612 w 4247170"/>
              <a:gd name="connsiteY45" fmla="*/ 5757422 h 6840480"/>
              <a:gd name="connsiteX46" fmla="*/ 653670 w 4247170"/>
              <a:gd name="connsiteY46" fmla="*/ 5702275 h 6840480"/>
              <a:gd name="connsiteX47" fmla="*/ 664749 w 4247170"/>
              <a:gd name="connsiteY47" fmla="*/ 5724333 h 6840480"/>
              <a:gd name="connsiteX48" fmla="*/ 509641 w 4247170"/>
              <a:gd name="connsiteY48" fmla="*/ 5812570 h 6840480"/>
              <a:gd name="connsiteX49" fmla="*/ 365612 w 4247170"/>
              <a:gd name="connsiteY49" fmla="*/ 6055220 h 6840480"/>
              <a:gd name="connsiteX50" fmla="*/ 553957 w 4247170"/>
              <a:gd name="connsiteY50" fmla="*/ 6143457 h 6840480"/>
              <a:gd name="connsiteX51" fmla="*/ 553957 w 4247170"/>
              <a:gd name="connsiteY51" fmla="*/ 6187575 h 6840480"/>
              <a:gd name="connsiteX52" fmla="*/ 398849 w 4247170"/>
              <a:gd name="connsiteY52" fmla="*/ 6264781 h 6840480"/>
              <a:gd name="connsiteX53" fmla="*/ 376691 w 4247170"/>
              <a:gd name="connsiteY53" fmla="*/ 6705963 h 6840480"/>
              <a:gd name="connsiteX54" fmla="*/ 299137 w 4247170"/>
              <a:gd name="connsiteY54" fmla="*/ 6827288 h 6840480"/>
              <a:gd name="connsiteX55" fmla="*/ 4247170 w 4247170"/>
              <a:gd name="connsiteY55" fmla="*/ 6840480 h 6840480"/>
              <a:gd name="connsiteX56" fmla="*/ 3267282 w 4247170"/>
              <a:gd name="connsiteY56" fmla="*/ 7904 h 6840480"/>
              <a:gd name="connsiteX0" fmla="*/ 3267282 w 3267282"/>
              <a:gd name="connsiteY0" fmla="*/ 7904 h 6840480"/>
              <a:gd name="connsiteX1" fmla="*/ 232662 w 3267282"/>
              <a:gd name="connsiteY1" fmla="*/ 0 h 6840480"/>
              <a:gd name="connsiteX2" fmla="*/ 0 w 3267282"/>
              <a:gd name="connsiteY2" fmla="*/ 319856 h 6840480"/>
              <a:gd name="connsiteX3" fmla="*/ 88633 w 3267282"/>
              <a:gd name="connsiteY3" fmla="*/ 529418 h 6840480"/>
              <a:gd name="connsiteX4" fmla="*/ 276979 w 3267282"/>
              <a:gd name="connsiteY4" fmla="*/ 452211 h 6840480"/>
              <a:gd name="connsiteX5" fmla="*/ 454245 w 3267282"/>
              <a:gd name="connsiteY5" fmla="*/ 132354 h 6840480"/>
              <a:gd name="connsiteX6" fmla="*/ 476404 w 3267282"/>
              <a:gd name="connsiteY6" fmla="*/ 143383 h 6840480"/>
              <a:gd name="connsiteX7" fmla="*/ 454245 w 3267282"/>
              <a:gd name="connsiteY7" fmla="*/ 397063 h 6840480"/>
              <a:gd name="connsiteX8" fmla="*/ 587195 w 3267282"/>
              <a:gd name="connsiteY8" fmla="*/ 683831 h 6840480"/>
              <a:gd name="connsiteX9" fmla="*/ 376691 w 3267282"/>
              <a:gd name="connsiteY9" fmla="*/ 1191190 h 6840480"/>
              <a:gd name="connsiteX10" fmla="*/ 797699 w 3267282"/>
              <a:gd name="connsiteY10" fmla="*/ 1136042 h 6840480"/>
              <a:gd name="connsiteX11" fmla="*/ 797699 w 3267282"/>
              <a:gd name="connsiteY11" fmla="*/ 1169131 h 6840480"/>
              <a:gd name="connsiteX12" fmla="*/ 276979 w 3267282"/>
              <a:gd name="connsiteY12" fmla="*/ 1466929 h 6840480"/>
              <a:gd name="connsiteX13" fmla="*/ 398849 w 3267282"/>
              <a:gd name="connsiteY13" fmla="*/ 1654431 h 6840480"/>
              <a:gd name="connsiteX14" fmla="*/ 720145 w 3267282"/>
              <a:gd name="connsiteY14" fmla="*/ 1610314 h 6840480"/>
              <a:gd name="connsiteX15" fmla="*/ 720145 w 3267282"/>
              <a:gd name="connsiteY15" fmla="*/ 1621343 h 6840480"/>
              <a:gd name="connsiteX16" fmla="*/ 642591 w 3267282"/>
              <a:gd name="connsiteY16" fmla="*/ 2095613 h 6840480"/>
              <a:gd name="connsiteX17" fmla="*/ 620433 w 3267282"/>
              <a:gd name="connsiteY17" fmla="*/ 2095613 h 6840480"/>
              <a:gd name="connsiteX18" fmla="*/ 210503 w 3267282"/>
              <a:gd name="connsiteY18" fmla="*/ 1742667 h 6840480"/>
              <a:gd name="connsiteX19" fmla="*/ 221583 w 3267282"/>
              <a:gd name="connsiteY19" fmla="*/ 2062525 h 6840480"/>
              <a:gd name="connsiteX20" fmla="*/ 343453 w 3267282"/>
              <a:gd name="connsiteY20" fmla="*/ 2106642 h 6840480"/>
              <a:gd name="connsiteX21" fmla="*/ 343453 w 3267282"/>
              <a:gd name="connsiteY21" fmla="*/ 2128702 h 6840480"/>
              <a:gd name="connsiteX22" fmla="*/ 232662 w 3267282"/>
              <a:gd name="connsiteY22" fmla="*/ 2283115 h 6840480"/>
              <a:gd name="connsiteX23" fmla="*/ 354532 w 3267282"/>
              <a:gd name="connsiteY23" fmla="*/ 2459589 h 6840480"/>
              <a:gd name="connsiteX24" fmla="*/ 587195 w 3267282"/>
              <a:gd name="connsiteY24" fmla="*/ 2481647 h 6840480"/>
              <a:gd name="connsiteX25" fmla="*/ 587195 w 3267282"/>
              <a:gd name="connsiteY25" fmla="*/ 2503706 h 6840480"/>
              <a:gd name="connsiteX26" fmla="*/ 387770 w 3267282"/>
              <a:gd name="connsiteY26" fmla="*/ 2625031 h 6840480"/>
              <a:gd name="connsiteX27" fmla="*/ 409928 w 3267282"/>
              <a:gd name="connsiteY27" fmla="*/ 3000036 h 6840480"/>
              <a:gd name="connsiteX28" fmla="*/ 764461 w 3267282"/>
              <a:gd name="connsiteY28" fmla="*/ 2922829 h 6840480"/>
              <a:gd name="connsiteX29" fmla="*/ 764461 w 3267282"/>
              <a:gd name="connsiteY29" fmla="*/ 2933859 h 6840480"/>
              <a:gd name="connsiteX30" fmla="*/ 409928 w 3267282"/>
              <a:gd name="connsiteY30" fmla="*/ 3176509 h 6840480"/>
              <a:gd name="connsiteX31" fmla="*/ 166188 w 3267282"/>
              <a:gd name="connsiteY31" fmla="*/ 3716957 h 6840480"/>
              <a:gd name="connsiteX32" fmla="*/ 232662 w 3267282"/>
              <a:gd name="connsiteY32" fmla="*/ 4003724 h 6840480"/>
              <a:gd name="connsiteX33" fmla="*/ 487483 w 3267282"/>
              <a:gd name="connsiteY33" fmla="*/ 4102990 h 6840480"/>
              <a:gd name="connsiteX34" fmla="*/ 487483 w 3267282"/>
              <a:gd name="connsiteY34" fmla="*/ 4114019 h 6840480"/>
              <a:gd name="connsiteX35" fmla="*/ 310216 w 3267282"/>
              <a:gd name="connsiteY35" fmla="*/ 4268434 h 6840480"/>
              <a:gd name="connsiteX36" fmla="*/ 398849 w 3267282"/>
              <a:gd name="connsiteY36" fmla="*/ 4455936 h 6840480"/>
              <a:gd name="connsiteX37" fmla="*/ 398849 w 3267282"/>
              <a:gd name="connsiteY37" fmla="*/ 4477995 h 6840480"/>
              <a:gd name="connsiteX38" fmla="*/ 243741 w 3267282"/>
              <a:gd name="connsiteY38" fmla="*/ 4533143 h 6840480"/>
              <a:gd name="connsiteX39" fmla="*/ 332375 w 3267282"/>
              <a:gd name="connsiteY39" fmla="*/ 4775793 h 6840480"/>
              <a:gd name="connsiteX40" fmla="*/ 243741 w 3267282"/>
              <a:gd name="connsiteY40" fmla="*/ 4919176 h 6840480"/>
              <a:gd name="connsiteX41" fmla="*/ 421008 w 3267282"/>
              <a:gd name="connsiteY41" fmla="*/ 5272122 h 6840480"/>
              <a:gd name="connsiteX42" fmla="*/ 598274 w 3267282"/>
              <a:gd name="connsiteY42" fmla="*/ 5360358 h 6840480"/>
              <a:gd name="connsiteX43" fmla="*/ 598274 w 3267282"/>
              <a:gd name="connsiteY43" fmla="*/ 5393447 h 6840480"/>
              <a:gd name="connsiteX44" fmla="*/ 387770 w 3267282"/>
              <a:gd name="connsiteY44" fmla="*/ 5459624 h 6840480"/>
              <a:gd name="connsiteX45" fmla="*/ 365612 w 3267282"/>
              <a:gd name="connsiteY45" fmla="*/ 5757422 h 6840480"/>
              <a:gd name="connsiteX46" fmla="*/ 653670 w 3267282"/>
              <a:gd name="connsiteY46" fmla="*/ 5702275 h 6840480"/>
              <a:gd name="connsiteX47" fmla="*/ 664749 w 3267282"/>
              <a:gd name="connsiteY47" fmla="*/ 5724333 h 6840480"/>
              <a:gd name="connsiteX48" fmla="*/ 509641 w 3267282"/>
              <a:gd name="connsiteY48" fmla="*/ 5812570 h 6840480"/>
              <a:gd name="connsiteX49" fmla="*/ 365612 w 3267282"/>
              <a:gd name="connsiteY49" fmla="*/ 6055220 h 6840480"/>
              <a:gd name="connsiteX50" fmla="*/ 553957 w 3267282"/>
              <a:gd name="connsiteY50" fmla="*/ 6143457 h 6840480"/>
              <a:gd name="connsiteX51" fmla="*/ 553957 w 3267282"/>
              <a:gd name="connsiteY51" fmla="*/ 6187575 h 6840480"/>
              <a:gd name="connsiteX52" fmla="*/ 398849 w 3267282"/>
              <a:gd name="connsiteY52" fmla="*/ 6264781 h 6840480"/>
              <a:gd name="connsiteX53" fmla="*/ 376691 w 3267282"/>
              <a:gd name="connsiteY53" fmla="*/ 6705963 h 6840480"/>
              <a:gd name="connsiteX54" fmla="*/ 299137 w 3267282"/>
              <a:gd name="connsiteY54" fmla="*/ 6827288 h 6840480"/>
              <a:gd name="connsiteX55" fmla="*/ 3267128 w 3267282"/>
              <a:gd name="connsiteY55" fmla="*/ 6840480 h 6840480"/>
              <a:gd name="connsiteX56" fmla="*/ 3267282 w 3267282"/>
              <a:gd name="connsiteY56" fmla="*/ 7904 h 6840480"/>
              <a:gd name="connsiteX0" fmla="*/ 1561756 w 3267128"/>
              <a:gd name="connsiteY0" fmla="*/ 7904 h 6840480"/>
              <a:gd name="connsiteX1" fmla="*/ 232662 w 3267128"/>
              <a:gd name="connsiteY1" fmla="*/ 0 h 6840480"/>
              <a:gd name="connsiteX2" fmla="*/ 0 w 3267128"/>
              <a:gd name="connsiteY2" fmla="*/ 319856 h 6840480"/>
              <a:gd name="connsiteX3" fmla="*/ 88633 w 3267128"/>
              <a:gd name="connsiteY3" fmla="*/ 529418 h 6840480"/>
              <a:gd name="connsiteX4" fmla="*/ 276979 w 3267128"/>
              <a:gd name="connsiteY4" fmla="*/ 452211 h 6840480"/>
              <a:gd name="connsiteX5" fmla="*/ 454245 w 3267128"/>
              <a:gd name="connsiteY5" fmla="*/ 132354 h 6840480"/>
              <a:gd name="connsiteX6" fmla="*/ 476404 w 3267128"/>
              <a:gd name="connsiteY6" fmla="*/ 143383 h 6840480"/>
              <a:gd name="connsiteX7" fmla="*/ 454245 w 3267128"/>
              <a:gd name="connsiteY7" fmla="*/ 397063 h 6840480"/>
              <a:gd name="connsiteX8" fmla="*/ 587195 w 3267128"/>
              <a:gd name="connsiteY8" fmla="*/ 683831 h 6840480"/>
              <a:gd name="connsiteX9" fmla="*/ 376691 w 3267128"/>
              <a:gd name="connsiteY9" fmla="*/ 1191190 h 6840480"/>
              <a:gd name="connsiteX10" fmla="*/ 797699 w 3267128"/>
              <a:gd name="connsiteY10" fmla="*/ 1136042 h 6840480"/>
              <a:gd name="connsiteX11" fmla="*/ 797699 w 3267128"/>
              <a:gd name="connsiteY11" fmla="*/ 1169131 h 6840480"/>
              <a:gd name="connsiteX12" fmla="*/ 276979 w 3267128"/>
              <a:gd name="connsiteY12" fmla="*/ 1466929 h 6840480"/>
              <a:gd name="connsiteX13" fmla="*/ 398849 w 3267128"/>
              <a:gd name="connsiteY13" fmla="*/ 1654431 h 6840480"/>
              <a:gd name="connsiteX14" fmla="*/ 720145 w 3267128"/>
              <a:gd name="connsiteY14" fmla="*/ 1610314 h 6840480"/>
              <a:gd name="connsiteX15" fmla="*/ 720145 w 3267128"/>
              <a:gd name="connsiteY15" fmla="*/ 1621343 h 6840480"/>
              <a:gd name="connsiteX16" fmla="*/ 642591 w 3267128"/>
              <a:gd name="connsiteY16" fmla="*/ 2095613 h 6840480"/>
              <a:gd name="connsiteX17" fmla="*/ 620433 w 3267128"/>
              <a:gd name="connsiteY17" fmla="*/ 2095613 h 6840480"/>
              <a:gd name="connsiteX18" fmla="*/ 210503 w 3267128"/>
              <a:gd name="connsiteY18" fmla="*/ 1742667 h 6840480"/>
              <a:gd name="connsiteX19" fmla="*/ 221583 w 3267128"/>
              <a:gd name="connsiteY19" fmla="*/ 2062525 h 6840480"/>
              <a:gd name="connsiteX20" fmla="*/ 343453 w 3267128"/>
              <a:gd name="connsiteY20" fmla="*/ 2106642 h 6840480"/>
              <a:gd name="connsiteX21" fmla="*/ 343453 w 3267128"/>
              <a:gd name="connsiteY21" fmla="*/ 2128702 h 6840480"/>
              <a:gd name="connsiteX22" fmla="*/ 232662 w 3267128"/>
              <a:gd name="connsiteY22" fmla="*/ 2283115 h 6840480"/>
              <a:gd name="connsiteX23" fmla="*/ 354532 w 3267128"/>
              <a:gd name="connsiteY23" fmla="*/ 2459589 h 6840480"/>
              <a:gd name="connsiteX24" fmla="*/ 587195 w 3267128"/>
              <a:gd name="connsiteY24" fmla="*/ 2481647 h 6840480"/>
              <a:gd name="connsiteX25" fmla="*/ 587195 w 3267128"/>
              <a:gd name="connsiteY25" fmla="*/ 2503706 h 6840480"/>
              <a:gd name="connsiteX26" fmla="*/ 387770 w 3267128"/>
              <a:gd name="connsiteY26" fmla="*/ 2625031 h 6840480"/>
              <a:gd name="connsiteX27" fmla="*/ 409928 w 3267128"/>
              <a:gd name="connsiteY27" fmla="*/ 3000036 h 6840480"/>
              <a:gd name="connsiteX28" fmla="*/ 764461 w 3267128"/>
              <a:gd name="connsiteY28" fmla="*/ 2922829 h 6840480"/>
              <a:gd name="connsiteX29" fmla="*/ 764461 w 3267128"/>
              <a:gd name="connsiteY29" fmla="*/ 2933859 h 6840480"/>
              <a:gd name="connsiteX30" fmla="*/ 409928 w 3267128"/>
              <a:gd name="connsiteY30" fmla="*/ 3176509 h 6840480"/>
              <a:gd name="connsiteX31" fmla="*/ 166188 w 3267128"/>
              <a:gd name="connsiteY31" fmla="*/ 3716957 h 6840480"/>
              <a:gd name="connsiteX32" fmla="*/ 232662 w 3267128"/>
              <a:gd name="connsiteY32" fmla="*/ 4003724 h 6840480"/>
              <a:gd name="connsiteX33" fmla="*/ 487483 w 3267128"/>
              <a:gd name="connsiteY33" fmla="*/ 4102990 h 6840480"/>
              <a:gd name="connsiteX34" fmla="*/ 487483 w 3267128"/>
              <a:gd name="connsiteY34" fmla="*/ 4114019 h 6840480"/>
              <a:gd name="connsiteX35" fmla="*/ 310216 w 3267128"/>
              <a:gd name="connsiteY35" fmla="*/ 4268434 h 6840480"/>
              <a:gd name="connsiteX36" fmla="*/ 398849 w 3267128"/>
              <a:gd name="connsiteY36" fmla="*/ 4455936 h 6840480"/>
              <a:gd name="connsiteX37" fmla="*/ 398849 w 3267128"/>
              <a:gd name="connsiteY37" fmla="*/ 4477995 h 6840480"/>
              <a:gd name="connsiteX38" fmla="*/ 243741 w 3267128"/>
              <a:gd name="connsiteY38" fmla="*/ 4533143 h 6840480"/>
              <a:gd name="connsiteX39" fmla="*/ 332375 w 3267128"/>
              <a:gd name="connsiteY39" fmla="*/ 4775793 h 6840480"/>
              <a:gd name="connsiteX40" fmla="*/ 243741 w 3267128"/>
              <a:gd name="connsiteY40" fmla="*/ 4919176 h 6840480"/>
              <a:gd name="connsiteX41" fmla="*/ 421008 w 3267128"/>
              <a:gd name="connsiteY41" fmla="*/ 5272122 h 6840480"/>
              <a:gd name="connsiteX42" fmla="*/ 598274 w 3267128"/>
              <a:gd name="connsiteY42" fmla="*/ 5360358 h 6840480"/>
              <a:gd name="connsiteX43" fmla="*/ 598274 w 3267128"/>
              <a:gd name="connsiteY43" fmla="*/ 5393447 h 6840480"/>
              <a:gd name="connsiteX44" fmla="*/ 387770 w 3267128"/>
              <a:gd name="connsiteY44" fmla="*/ 5459624 h 6840480"/>
              <a:gd name="connsiteX45" fmla="*/ 365612 w 3267128"/>
              <a:gd name="connsiteY45" fmla="*/ 5757422 h 6840480"/>
              <a:gd name="connsiteX46" fmla="*/ 653670 w 3267128"/>
              <a:gd name="connsiteY46" fmla="*/ 5702275 h 6840480"/>
              <a:gd name="connsiteX47" fmla="*/ 664749 w 3267128"/>
              <a:gd name="connsiteY47" fmla="*/ 5724333 h 6840480"/>
              <a:gd name="connsiteX48" fmla="*/ 509641 w 3267128"/>
              <a:gd name="connsiteY48" fmla="*/ 5812570 h 6840480"/>
              <a:gd name="connsiteX49" fmla="*/ 365612 w 3267128"/>
              <a:gd name="connsiteY49" fmla="*/ 6055220 h 6840480"/>
              <a:gd name="connsiteX50" fmla="*/ 553957 w 3267128"/>
              <a:gd name="connsiteY50" fmla="*/ 6143457 h 6840480"/>
              <a:gd name="connsiteX51" fmla="*/ 553957 w 3267128"/>
              <a:gd name="connsiteY51" fmla="*/ 6187575 h 6840480"/>
              <a:gd name="connsiteX52" fmla="*/ 398849 w 3267128"/>
              <a:gd name="connsiteY52" fmla="*/ 6264781 h 6840480"/>
              <a:gd name="connsiteX53" fmla="*/ 376691 w 3267128"/>
              <a:gd name="connsiteY53" fmla="*/ 6705963 h 6840480"/>
              <a:gd name="connsiteX54" fmla="*/ 299137 w 3267128"/>
              <a:gd name="connsiteY54" fmla="*/ 6827288 h 6840480"/>
              <a:gd name="connsiteX55" fmla="*/ 3267128 w 3267128"/>
              <a:gd name="connsiteY55" fmla="*/ 6840480 h 6840480"/>
              <a:gd name="connsiteX56" fmla="*/ 1561756 w 3267128"/>
              <a:gd name="connsiteY56" fmla="*/ 7904 h 6840480"/>
              <a:gd name="connsiteX0" fmla="*/ 1561756 w 1561756"/>
              <a:gd name="connsiteY0" fmla="*/ 7904 h 6840480"/>
              <a:gd name="connsiteX1" fmla="*/ 232662 w 1561756"/>
              <a:gd name="connsiteY1" fmla="*/ 0 h 6840480"/>
              <a:gd name="connsiteX2" fmla="*/ 0 w 1561756"/>
              <a:gd name="connsiteY2" fmla="*/ 319856 h 6840480"/>
              <a:gd name="connsiteX3" fmla="*/ 88633 w 1561756"/>
              <a:gd name="connsiteY3" fmla="*/ 529418 h 6840480"/>
              <a:gd name="connsiteX4" fmla="*/ 276979 w 1561756"/>
              <a:gd name="connsiteY4" fmla="*/ 452211 h 6840480"/>
              <a:gd name="connsiteX5" fmla="*/ 454245 w 1561756"/>
              <a:gd name="connsiteY5" fmla="*/ 132354 h 6840480"/>
              <a:gd name="connsiteX6" fmla="*/ 476404 w 1561756"/>
              <a:gd name="connsiteY6" fmla="*/ 143383 h 6840480"/>
              <a:gd name="connsiteX7" fmla="*/ 454245 w 1561756"/>
              <a:gd name="connsiteY7" fmla="*/ 397063 h 6840480"/>
              <a:gd name="connsiteX8" fmla="*/ 587195 w 1561756"/>
              <a:gd name="connsiteY8" fmla="*/ 683831 h 6840480"/>
              <a:gd name="connsiteX9" fmla="*/ 376691 w 1561756"/>
              <a:gd name="connsiteY9" fmla="*/ 1191190 h 6840480"/>
              <a:gd name="connsiteX10" fmla="*/ 797699 w 1561756"/>
              <a:gd name="connsiteY10" fmla="*/ 1136042 h 6840480"/>
              <a:gd name="connsiteX11" fmla="*/ 797699 w 1561756"/>
              <a:gd name="connsiteY11" fmla="*/ 1169131 h 6840480"/>
              <a:gd name="connsiteX12" fmla="*/ 276979 w 1561756"/>
              <a:gd name="connsiteY12" fmla="*/ 1466929 h 6840480"/>
              <a:gd name="connsiteX13" fmla="*/ 398849 w 1561756"/>
              <a:gd name="connsiteY13" fmla="*/ 1654431 h 6840480"/>
              <a:gd name="connsiteX14" fmla="*/ 720145 w 1561756"/>
              <a:gd name="connsiteY14" fmla="*/ 1610314 h 6840480"/>
              <a:gd name="connsiteX15" fmla="*/ 720145 w 1561756"/>
              <a:gd name="connsiteY15" fmla="*/ 1621343 h 6840480"/>
              <a:gd name="connsiteX16" fmla="*/ 642591 w 1561756"/>
              <a:gd name="connsiteY16" fmla="*/ 2095613 h 6840480"/>
              <a:gd name="connsiteX17" fmla="*/ 620433 w 1561756"/>
              <a:gd name="connsiteY17" fmla="*/ 2095613 h 6840480"/>
              <a:gd name="connsiteX18" fmla="*/ 210503 w 1561756"/>
              <a:gd name="connsiteY18" fmla="*/ 1742667 h 6840480"/>
              <a:gd name="connsiteX19" fmla="*/ 221583 w 1561756"/>
              <a:gd name="connsiteY19" fmla="*/ 2062525 h 6840480"/>
              <a:gd name="connsiteX20" fmla="*/ 343453 w 1561756"/>
              <a:gd name="connsiteY20" fmla="*/ 2106642 h 6840480"/>
              <a:gd name="connsiteX21" fmla="*/ 343453 w 1561756"/>
              <a:gd name="connsiteY21" fmla="*/ 2128702 h 6840480"/>
              <a:gd name="connsiteX22" fmla="*/ 232662 w 1561756"/>
              <a:gd name="connsiteY22" fmla="*/ 2283115 h 6840480"/>
              <a:gd name="connsiteX23" fmla="*/ 354532 w 1561756"/>
              <a:gd name="connsiteY23" fmla="*/ 2459589 h 6840480"/>
              <a:gd name="connsiteX24" fmla="*/ 587195 w 1561756"/>
              <a:gd name="connsiteY24" fmla="*/ 2481647 h 6840480"/>
              <a:gd name="connsiteX25" fmla="*/ 587195 w 1561756"/>
              <a:gd name="connsiteY25" fmla="*/ 2503706 h 6840480"/>
              <a:gd name="connsiteX26" fmla="*/ 387770 w 1561756"/>
              <a:gd name="connsiteY26" fmla="*/ 2625031 h 6840480"/>
              <a:gd name="connsiteX27" fmla="*/ 409928 w 1561756"/>
              <a:gd name="connsiteY27" fmla="*/ 3000036 h 6840480"/>
              <a:gd name="connsiteX28" fmla="*/ 764461 w 1561756"/>
              <a:gd name="connsiteY28" fmla="*/ 2922829 h 6840480"/>
              <a:gd name="connsiteX29" fmla="*/ 764461 w 1561756"/>
              <a:gd name="connsiteY29" fmla="*/ 2933859 h 6840480"/>
              <a:gd name="connsiteX30" fmla="*/ 409928 w 1561756"/>
              <a:gd name="connsiteY30" fmla="*/ 3176509 h 6840480"/>
              <a:gd name="connsiteX31" fmla="*/ 166188 w 1561756"/>
              <a:gd name="connsiteY31" fmla="*/ 3716957 h 6840480"/>
              <a:gd name="connsiteX32" fmla="*/ 232662 w 1561756"/>
              <a:gd name="connsiteY32" fmla="*/ 4003724 h 6840480"/>
              <a:gd name="connsiteX33" fmla="*/ 487483 w 1561756"/>
              <a:gd name="connsiteY33" fmla="*/ 4102990 h 6840480"/>
              <a:gd name="connsiteX34" fmla="*/ 487483 w 1561756"/>
              <a:gd name="connsiteY34" fmla="*/ 4114019 h 6840480"/>
              <a:gd name="connsiteX35" fmla="*/ 310216 w 1561756"/>
              <a:gd name="connsiteY35" fmla="*/ 4268434 h 6840480"/>
              <a:gd name="connsiteX36" fmla="*/ 398849 w 1561756"/>
              <a:gd name="connsiteY36" fmla="*/ 4455936 h 6840480"/>
              <a:gd name="connsiteX37" fmla="*/ 398849 w 1561756"/>
              <a:gd name="connsiteY37" fmla="*/ 4477995 h 6840480"/>
              <a:gd name="connsiteX38" fmla="*/ 243741 w 1561756"/>
              <a:gd name="connsiteY38" fmla="*/ 4533143 h 6840480"/>
              <a:gd name="connsiteX39" fmla="*/ 332375 w 1561756"/>
              <a:gd name="connsiteY39" fmla="*/ 4775793 h 6840480"/>
              <a:gd name="connsiteX40" fmla="*/ 243741 w 1561756"/>
              <a:gd name="connsiteY40" fmla="*/ 4919176 h 6840480"/>
              <a:gd name="connsiteX41" fmla="*/ 421008 w 1561756"/>
              <a:gd name="connsiteY41" fmla="*/ 5272122 h 6840480"/>
              <a:gd name="connsiteX42" fmla="*/ 598274 w 1561756"/>
              <a:gd name="connsiteY42" fmla="*/ 5360358 h 6840480"/>
              <a:gd name="connsiteX43" fmla="*/ 598274 w 1561756"/>
              <a:gd name="connsiteY43" fmla="*/ 5393447 h 6840480"/>
              <a:gd name="connsiteX44" fmla="*/ 387770 w 1561756"/>
              <a:gd name="connsiteY44" fmla="*/ 5459624 h 6840480"/>
              <a:gd name="connsiteX45" fmla="*/ 365612 w 1561756"/>
              <a:gd name="connsiteY45" fmla="*/ 5757422 h 6840480"/>
              <a:gd name="connsiteX46" fmla="*/ 653670 w 1561756"/>
              <a:gd name="connsiteY46" fmla="*/ 5702275 h 6840480"/>
              <a:gd name="connsiteX47" fmla="*/ 664749 w 1561756"/>
              <a:gd name="connsiteY47" fmla="*/ 5724333 h 6840480"/>
              <a:gd name="connsiteX48" fmla="*/ 509641 w 1561756"/>
              <a:gd name="connsiteY48" fmla="*/ 5812570 h 6840480"/>
              <a:gd name="connsiteX49" fmla="*/ 365612 w 1561756"/>
              <a:gd name="connsiteY49" fmla="*/ 6055220 h 6840480"/>
              <a:gd name="connsiteX50" fmla="*/ 553957 w 1561756"/>
              <a:gd name="connsiteY50" fmla="*/ 6143457 h 6840480"/>
              <a:gd name="connsiteX51" fmla="*/ 553957 w 1561756"/>
              <a:gd name="connsiteY51" fmla="*/ 6187575 h 6840480"/>
              <a:gd name="connsiteX52" fmla="*/ 398849 w 1561756"/>
              <a:gd name="connsiteY52" fmla="*/ 6264781 h 6840480"/>
              <a:gd name="connsiteX53" fmla="*/ 376691 w 1561756"/>
              <a:gd name="connsiteY53" fmla="*/ 6705963 h 6840480"/>
              <a:gd name="connsiteX54" fmla="*/ 299137 w 1561756"/>
              <a:gd name="connsiteY54" fmla="*/ 6827288 h 6840480"/>
              <a:gd name="connsiteX55" fmla="*/ 1548874 w 1561756"/>
              <a:gd name="connsiteY55" fmla="*/ 6840480 h 6840480"/>
              <a:gd name="connsiteX56" fmla="*/ 1561756 w 1561756"/>
              <a:gd name="connsiteY56" fmla="*/ 7904 h 68404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</a:cxnLst>
            <a:rect l="l" t="t" r="r" b="b"/>
            <a:pathLst>
              <a:path w="1561756" h="6840480">
                <a:moveTo>
                  <a:pt x="1561756" y="7904"/>
                </a:moveTo>
                <a:lnTo>
                  <a:pt x="232662" y="0"/>
                </a:lnTo>
                <a:lnTo>
                  <a:pt x="0" y="319856"/>
                </a:lnTo>
                <a:lnTo>
                  <a:pt x="88633" y="529418"/>
                </a:lnTo>
                <a:lnTo>
                  <a:pt x="276979" y="452211"/>
                </a:lnTo>
                <a:lnTo>
                  <a:pt x="454245" y="132354"/>
                </a:lnTo>
                <a:lnTo>
                  <a:pt x="476404" y="143383"/>
                </a:lnTo>
                <a:lnTo>
                  <a:pt x="454245" y="397063"/>
                </a:lnTo>
                <a:lnTo>
                  <a:pt x="587195" y="683831"/>
                </a:lnTo>
                <a:lnTo>
                  <a:pt x="376691" y="1191190"/>
                </a:lnTo>
                <a:lnTo>
                  <a:pt x="797699" y="1136042"/>
                </a:lnTo>
                <a:lnTo>
                  <a:pt x="797699" y="1169131"/>
                </a:lnTo>
                <a:lnTo>
                  <a:pt x="276979" y="1466929"/>
                </a:lnTo>
                <a:lnTo>
                  <a:pt x="398849" y="1654431"/>
                </a:lnTo>
                <a:lnTo>
                  <a:pt x="720145" y="1610314"/>
                </a:lnTo>
                <a:lnTo>
                  <a:pt x="720145" y="1621343"/>
                </a:lnTo>
                <a:lnTo>
                  <a:pt x="642591" y="2095613"/>
                </a:lnTo>
                <a:lnTo>
                  <a:pt x="620433" y="2095613"/>
                </a:lnTo>
                <a:lnTo>
                  <a:pt x="210503" y="1742667"/>
                </a:lnTo>
                <a:lnTo>
                  <a:pt x="221583" y="2062525"/>
                </a:lnTo>
                <a:lnTo>
                  <a:pt x="343453" y="2106642"/>
                </a:lnTo>
                <a:lnTo>
                  <a:pt x="343453" y="2128702"/>
                </a:lnTo>
                <a:lnTo>
                  <a:pt x="232662" y="2283115"/>
                </a:lnTo>
                <a:lnTo>
                  <a:pt x="354532" y="2459589"/>
                </a:lnTo>
                <a:lnTo>
                  <a:pt x="587195" y="2481647"/>
                </a:lnTo>
                <a:lnTo>
                  <a:pt x="587195" y="2503706"/>
                </a:lnTo>
                <a:lnTo>
                  <a:pt x="387770" y="2625031"/>
                </a:lnTo>
                <a:lnTo>
                  <a:pt x="409928" y="3000036"/>
                </a:lnTo>
                <a:lnTo>
                  <a:pt x="764461" y="2922829"/>
                </a:lnTo>
                <a:lnTo>
                  <a:pt x="764461" y="2933859"/>
                </a:lnTo>
                <a:lnTo>
                  <a:pt x="409928" y="3176509"/>
                </a:lnTo>
                <a:lnTo>
                  <a:pt x="166188" y="3716957"/>
                </a:lnTo>
                <a:lnTo>
                  <a:pt x="232662" y="4003724"/>
                </a:lnTo>
                <a:lnTo>
                  <a:pt x="487483" y="4102990"/>
                </a:lnTo>
                <a:lnTo>
                  <a:pt x="487483" y="4114019"/>
                </a:lnTo>
                <a:lnTo>
                  <a:pt x="310216" y="4268434"/>
                </a:lnTo>
                <a:lnTo>
                  <a:pt x="398849" y="4455936"/>
                </a:lnTo>
                <a:lnTo>
                  <a:pt x="398849" y="4477995"/>
                </a:lnTo>
                <a:lnTo>
                  <a:pt x="243741" y="4533143"/>
                </a:lnTo>
                <a:lnTo>
                  <a:pt x="332375" y="4775793"/>
                </a:lnTo>
                <a:lnTo>
                  <a:pt x="243741" y="4919176"/>
                </a:lnTo>
                <a:lnTo>
                  <a:pt x="421008" y="5272122"/>
                </a:lnTo>
                <a:lnTo>
                  <a:pt x="598274" y="5360358"/>
                </a:lnTo>
                <a:lnTo>
                  <a:pt x="598274" y="5393447"/>
                </a:lnTo>
                <a:lnTo>
                  <a:pt x="387770" y="5459624"/>
                </a:lnTo>
                <a:lnTo>
                  <a:pt x="365612" y="5757422"/>
                </a:lnTo>
                <a:lnTo>
                  <a:pt x="653670" y="5702275"/>
                </a:lnTo>
                <a:lnTo>
                  <a:pt x="664749" y="5724333"/>
                </a:lnTo>
                <a:lnTo>
                  <a:pt x="509641" y="5812570"/>
                </a:lnTo>
                <a:lnTo>
                  <a:pt x="365612" y="6055220"/>
                </a:lnTo>
                <a:lnTo>
                  <a:pt x="553957" y="6143457"/>
                </a:lnTo>
                <a:lnTo>
                  <a:pt x="553957" y="6187575"/>
                </a:lnTo>
                <a:lnTo>
                  <a:pt x="398849" y="6264781"/>
                </a:lnTo>
                <a:lnTo>
                  <a:pt x="376691" y="6705963"/>
                </a:lnTo>
                <a:lnTo>
                  <a:pt x="299137" y="6827288"/>
                </a:lnTo>
                <a:lnTo>
                  <a:pt x="1548874" y="6840480"/>
                </a:lnTo>
                <a:cubicBezTo>
                  <a:pt x="1548875" y="4567673"/>
                  <a:pt x="1561755" y="2280712"/>
                  <a:pt x="1561756" y="7904"/>
                </a:cubicBezTo>
                <a:close/>
              </a:path>
            </a:pathLst>
          </a:custGeom>
          <a:solidFill>
            <a:srgbClr val="A9E5FB"/>
          </a:solidFill>
        </p:spPr>
        <p:txBody>
          <a:bodyPr wrap="square">
            <a:noAutofit/>
          </a:bodyPr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8073951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disjonell tekstmal - san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e 6">
            <a:extLst>
              <a:ext uri="{FF2B5EF4-FFF2-40B4-BE49-F238E27FC236}">
                <a16:creationId xmlns:a16="http://schemas.microsoft.com/office/drawing/2014/main" id="{99FA7E92-A756-5146-BD7E-AB65492CC2B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1230472" y="0"/>
            <a:ext cx="831578" cy="6872068"/>
          </a:xfrm>
          <a:prstGeom prst="rect">
            <a:avLst/>
          </a:prstGeom>
        </p:spPr>
      </p:pic>
      <p:pic>
        <p:nvPicPr>
          <p:cNvPr id="12" name="Bilde 11">
            <a:extLst>
              <a:ext uri="{FF2B5EF4-FFF2-40B4-BE49-F238E27FC236}">
                <a16:creationId xmlns:a16="http://schemas.microsoft.com/office/drawing/2014/main" id="{BDEFB048-2689-2C45-85D7-063367C40C05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9919268" y="162000"/>
            <a:ext cx="1457452" cy="1148588"/>
          </a:xfrm>
          <a:prstGeom prst="rect">
            <a:avLst/>
          </a:prstGeom>
        </p:spPr>
      </p:pic>
      <p:sp>
        <p:nvSpPr>
          <p:cNvPr id="13" name="Title 1">
            <a:extLst>
              <a:ext uri="{FF2B5EF4-FFF2-40B4-BE49-F238E27FC236}">
                <a16:creationId xmlns:a16="http://schemas.microsoft.com/office/drawing/2014/main" id="{BAAA80ED-DEF9-C54D-BE62-5ACB4187C8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642726"/>
            <a:ext cx="9000000" cy="1205890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ADE9FC76-DD71-3E40-987D-4C5245194AC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6000" y="1940385"/>
            <a:ext cx="10260000" cy="440890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 dirty="0"/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C7EDE670-9C4C-B14C-B705-13904BBF72E3}"/>
              </a:ext>
            </a:extLst>
          </p:cNvPr>
          <p:cNvSpPr/>
          <p:nvPr userDrawn="1"/>
        </p:nvSpPr>
        <p:spPr>
          <a:xfrm>
            <a:off x="0" y="637125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689201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i kystlinje - hv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ssholder for bilde 11">
            <a:extLst>
              <a:ext uri="{FF2B5EF4-FFF2-40B4-BE49-F238E27FC236}">
                <a16:creationId xmlns:a16="http://schemas.microsoft.com/office/drawing/2014/main" id="{A8D5AEB3-CE1A-2446-9ECA-5B48DF940DA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-51515" y="-51515"/>
            <a:ext cx="8783153" cy="6948153"/>
          </a:xfrm>
          <a:custGeom>
            <a:avLst/>
            <a:gdLst>
              <a:gd name="connsiteX0" fmla="*/ 2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 w 8950581"/>
              <a:gd name="connsiteY56" fmla="*/ 0 h 6858000"/>
              <a:gd name="connsiteX0" fmla="*/ 283337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83337 w 8950581"/>
              <a:gd name="connsiteY56" fmla="*/ 0 h 6858000"/>
              <a:gd name="connsiteX0" fmla="*/ 12881 w 8680125"/>
              <a:gd name="connsiteY0" fmla="*/ 0 h 6858000"/>
              <a:gd name="connsiteX1" fmla="*/ 8115088 w 8680125"/>
              <a:gd name="connsiteY1" fmla="*/ 17520 h 6858000"/>
              <a:gd name="connsiteX2" fmla="*/ 7882426 w 8680125"/>
              <a:gd name="connsiteY2" fmla="*/ 337376 h 6858000"/>
              <a:gd name="connsiteX3" fmla="*/ 7971059 w 8680125"/>
              <a:gd name="connsiteY3" fmla="*/ 546938 h 6858000"/>
              <a:gd name="connsiteX4" fmla="*/ 8159405 w 8680125"/>
              <a:gd name="connsiteY4" fmla="*/ 469731 h 6858000"/>
              <a:gd name="connsiteX5" fmla="*/ 8336671 w 8680125"/>
              <a:gd name="connsiteY5" fmla="*/ 149874 h 6858000"/>
              <a:gd name="connsiteX6" fmla="*/ 8358830 w 8680125"/>
              <a:gd name="connsiteY6" fmla="*/ 160903 h 6858000"/>
              <a:gd name="connsiteX7" fmla="*/ 8336671 w 8680125"/>
              <a:gd name="connsiteY7" fmla="*/ 414583 h 6858000"/>
              <a:gd name="connsiteX8" fmla="*/ 8469621 w 8680125"/>
              <a:gd name="connsiteY8" fmla="*/ 701351 h 6858000"/>
              <a:gd name="connsiteX9" fmla="*/ 8259117 w 8680125"/>
              <a:gd name="connsiteY9" fmla="*/ 1208710 h 6858000"/>
              <a:gd name="connsiteX10" fmla="*/ 8680125 w 8680125"/>
              <a:gd name="connsiteY10" fmla="*/ 1153562 h 6858000"/>
              <a:gd name="connsiteX11" fmla="*/ 8680125 w 8680125"/>
              <a:gd name="connsiteY11" fmla="*/ 1186651 h 6858000"/>
              <a:gd name="connsiteX12" fmla="*/ 8159405 w 8680125"/>
              <a:gd name="connsiteY12" fmla="*/ 1484449 h 6858000"/>
              <a:gd name="connsiteX13" fmla="*/ 8281275 w 8680125"/>
              <a:gd name="connsiteY13" fmla="*/ 1671951 h 6858000"/>
              <a:gd name="connsiteX14" fmla="*/ 8602571 w 8680125"/>
              <a:gd name="connsiteY14" fmla="*/ 1627834 h 6858000"/>
              <a:gd name="connsiteX15" fmla="*/ 8602571 w 8680125"/>
              <a:gd name="connsiteY15" fmla="*/ 1638863 h 6858000"/>
              <a:gd name="connsiteX16" fmla="*/ 8525017 w 8680125"/>
              <a:gd name="connsiteY16" fmla="*/ 2113133 h 6858000"/>
              <a:gd name="connsiteX17" fmla="*/ 8502859 w 8680125"/>
              <a:gd name="connsiteY17" fmla="*/ 2113133 h 6858000"/>
              <a:gd name="connsiteX18" fmla="*/ 8092929 w 8680125"/>
              <a:gd name="connsiteY18" fmla="*/ 1760187 h 6858000"/>
              <a:gd name="connsiteX19" fmla="*/ 8104009 w 8680125"/>
              <a:gd name="connsiteY19" fmla="*/ 2080045 h 6858000"/>
              <a:gd name="connsiteX20" fmla="*/ 8225879 w 8680125"/>
              <a:gd name="connsiteY20" fmla="*/ 2124162 h 6858000"/>
              <a:gd name="connsiteX21" fmla="*/ 8225879 w 8680125"/>
              <a:gd name="connsiteY21" fmla="*/ 2146222 h 6858000"/>
              <a:gd name="connsiteX22" fmla="*/ 8115088 w 8680125"/>
              <a:gd name="connsiteY22" fmla="*/ 2300635 h 6858000"/>
              <a:gd name="connsiteX23" fmla="*/ 8236958 w 8680125"/>
              <a:gd name="connsiteY23" fmla="*/ 2477109 h 6858000"/>
              <a:gd name="connsiteX24" fmla="*/ 8469621 w 8680125"/>
              <a:gd name="connsiteY24" fmla="*/ 2499167 h 6858000"/>
              <a:gd name="connsiteX25" fmla="*/ 8469621 w 8680125"/>
              <a:gd name="connsiteY25" fmla="*/ 2521226 h 6858000"/>
              <a:gd name="connsiteX26" fmla="*/ 8270196 w 8680125"/>
              <a:gd name="connsiteY26" fmla="*/ 2642551 h 6858000"/>
              <a:gd name="connsiteX27" fmla="*/ 8292354 w 8680125"/>
              <a:gd name="connsiteY27" fmla="*/ 3017556 h 6858000"/>
              <a:gd name="connsiteX28" fmla="*/ 8646887 w 8680125"/>
              <a:gd name="connsiteY28" fmla="*/ 2940349 h 6858000"/>
              <a:gd name="connsiteX29" fmla="*/ 8646887 w 8680125"/>
              <a:gd name="connsiteY29" fmla="*/ 2951379 h 6858000"/>
              <a:gd name="connsiteX30" fmla="*/ 8292354 w 8680125"/>
              <a:gd name="connsiteY30" fmla="*/ 3194029 h 6858000"/>
              <a:gd name="connsiteX31" fmla="*/ 8048614 w 8680125"/>
              <a:gd name="connsiteY31" fmla="*/ 3734477 h 6858000"/>
              <a:gd name="connsiteX32" fmla="*/ 8115088 w 8680125"/>
              <a:gd name="connsiteY32" fmla="*/ 4021244 h 6858000"/>
              <a:gd name="connsiteX33" fmla="*/ 8369909 w 8680125"/>
              <a:gd name="connsiteY33" fmla="*/ 4120510 h 6858000"/>
              <a:gd name="connsiteX34" fmla="*/ 8369909 w 8680125"/>
              <a:gd name="connsiteY34" fmla="*/ 4131539 h 6858000"/>
              <a:gd name="connsiteX35" fmla="*/ 8192642 w 8680125"/>
              <a:gd name="connsiteY35" fmla="*/ 4285954 h 6858000"/>
              <a:gd name="connsiteX36" fmla="*/ 8281275 w 8680125"/>
              <a:gd name="connsiteY36" fmla="*/ 4473456 h 6858000"/>
              <a:gd name="connsiteX37" fmla="*/ 8281275 w 8680125"/>
              <a:gd name="connsiteY37" fmla="*/ 4495515 h 6858000"/>
              <a:gd name="connsiteX38" fmla="*/ 8126167 w 8680125"/>
              <a:gd name="connsiteY38" fmla="*/ 4550663 h 6858000"/>
              <a:gd name="connsiteX39" fmla="*/ 8214801 w 8680125"/>
              <a:gd name="connsiteY39" fmla="*/ 4793313 h 6858000"/>
              <a:gd name="connsiteX40" fmla="*/ 8126167 w 8680125"/>
              <a:gd name="connsiteY40" fmla="*/ 4936696 h 6858000"/>
              <a:gd name="connsiteX41" fmla="*/ 8303434 w 8680125"/>
              <a:gd name="connsiteY41" fmla="*/ 5289642 h 6858000"/>
              <a:gd name="connsiteX42" fmla="*/ 8480700 w 8680125"/>
              <a:gd name="connsiteY42" fmla="*/ 5377878 h 6858000"/>
              <a:gd name="connsiteX43" fmla="*/ 8480700 w 8680125"/>
              <a:gd name="connsiteY43" fmla="*/ 5410967 h 6858000"/>
              <a:gd name="connsiteX44" fmla="*/ 8270196 w 8680125"/>
              <a:gd name="connsiteY44" fmla="*/ 5477144 h 6858000"/>
              <a:gd name="connsiteX45" fmla="*/ 8248038 w 8680125"/>
              <a:gd name="connsiteY45" fmla="*/ 5774942 h 6858000"/>
              <a:gd name="connsiteX46" fmla="*/ 8536096 w 8680125"/>
              <a:gd name="connsiteY46" fmla="*/ 5719795 h 6858000"/>
              <a:gd name="connsiteX47" fmla="*/ 8547175 w 8680125"/>
              <a:gd name="connsiteY47" fmla="*/ 5741853 h 6858000"/>
              <a:gd name="connsiteX48" fmla="*/ 8392067 w 8680125"/>
              <a:gd name="connsiteY48" fmla="*/ 5830090 h 6858000"/>
              <a:gd name="connsiteX49" fmla="*/ 8248038 w 8680125"/>
              <a:gd name="connsiteY49" fmla="*/ 6072740 h 6858000"/>
              <a:gd name="connsiteX50" fmla="*/ 8436383 w 8680125"/>
              <a:gd name="connsiteY50" fmla="*/ 6160977 h 6858000"/>
              <a:gd name="connsiteX51" fmla="*/ 8436383 w 8680125"/>
              <a:gd name="connsiteY51" fmla="*/ 6205095 h 6858000"/>
              <a:gd name="connsiteX52" fmla="*/ 8281275 w 8680125"/>
              <a:gd name="connsiteY52" fmla="*/ 6282301 h 6858000"/>
              <a:gd name="connsiteX53" fmla="*/ 8259117 w 8680125"/>
              <a:gd name="connsiteY53" fmla="*/ 6723483 h 6858000"/>
              <a:gd name="connsiteX54" fmla="*/ 8181563 w 8680125"/>
              <a:gd name="connsiteY54" fmla="*/ 6844808 h 6858000"/>
              <a:gd name="connsiteX55" fmla="*/ 0 w 8680125"/>
              <a:gd name="connsiteY55" fmla="*/ 6858000 h 6858000"/>
              <a:gd name="connsiteX56" fmla="*/ 12881 w 8680125"/>
              <a:gd name="connsiteY56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</a:cxnLst>
            <a:rect l="l" t="t" r="r" b="b"/>
            <a:pathLst>
              <a:path w="8680125" h="6858000">
                <a:moveTo>
                  <a:pt x="12881" y="0"/>
                </a:moveTo>
                <a:lnTo>
                  <a:pt x="8115088" y="17520"/>
                </a:lnTo>
                <a:lnTo>
                  <a:pt x="7882426" y="337376"/>
                </a:lnTo>
                <a:lnTo>
                  <a:pt x="7971059" y="546938"/>
                </a:lnTo>
                <a:lnTo>
                  <a:pt x="8159405" y="469731"/>
                </a:lnTo>
                <a:lnTo>
                  <a:pt x="8336671" y="149874"/>
                </a:lnTo>
                <a:lnTo>
                  <a:pt x="8358830" y="160903"/>
                </a:lnTo>
                <a:lnTo>
                  <a:pt x="8336671" y="414583"/>
                </a:lnTo>
                <a:lnTo>
                  <a:pt x="8469621" y="701351"/>
                </a:lnTo>
                <a:lnTo>
                  <a:pt x="8259117" y="1208710"/>
                </a:lnTo>
                <a:lnTo>
                  <a:pt x="8680125" y="1153562"/>
                </a:lnTo>
                <a:lnTo>
                  <a:pt x="8680125" y="1186651"/>
                </a:lnTo>
                <a:lnTo>
                  <a:pt x="8159405" y="1484449"/>
                </a:lnTo>
                <a:lnTo>
                  <a:pt x="8281275" y="1671951"/>
                </a:lnTo>
                <a:lnTo>
                  <a:pt x="8602571" y="1627834"/>
                </a:lnTo>
                <a:lnTo>
                  <a:pt x="8602571" y="1638863"/>
                </a:lnTo>
                <a:lnTo>
                  <a:pt x="8525017" y="2113133"/>
                </a:lnTo>
                <a:lnTo>
                  <a:pt x="8502859" y="2113133"/>
                </a:lnTo>
                <a:lnTo>
                  <a:pt x="8092929" y="1760187"/>
                </a:lnTo>
                <a:lnTo>
                  <a:pt x="8104009" y="2080045"/>
                </a:lnTo>
                <a:lnTo>
                  <a:pt x="8225879" y="2124162"/>
                </a:lnTo>
                <a:lnTo>
                  <a:pt x="8225879" y="2146222"/>
                </a:lnTo>
                <a:lnTo>
                  <a:pt x="8115088" y="2300635"/>
                </a:lnTo>
                <a:lnTo>
                  <a:pt x="8236958" y="2477109"/>
                </a:lnTo>
                <a:lnTo>
                  <a:pt x="8469621" y="2499167"/>
                </a:lnTo>
                <a:lnTo>
                  <a:pt x="8469621" y="2521226"/>
                </a:lnTo>
                <a:lnTo>
                  <a:pt x="8270196" y="2642551"/>
                </a:lnTo>
                <a:lnTo>
                  <a:pt x="8292354" y="3017556"/>
                </a:lnTo>
                <a:lnTo>
                  <a:pt x="8646887" y="2940349"/>
                </a:lnTo>
                <a:lnTo>
                  <a:pt x="8646887" y="2951379"/>
                </a:lnTo>
                <a:lnTo>
                  <a:pt x="8292354" y="3194029"/>
                </a:lnTo>
                <a:lnTo>
                  <a:pt x="8048614" y="3734477"/>
                </a:lnTo>
                <a:lnTo>
                  <a:pt x="8115088" y="4021244"/>
                </a:lnTo>
                <a:lnTo>
                  <a:pt x="8369909" y="4120510"/>
                </a:lnTo>
                <a:lnTo>
                  <a:pt x="8369909" y="4131539"/>
                </a:lnTo>
                <a:lnTo>
                  <a:pt x="8192642" y="4285954"/>
                </a:lnTo>
                <a:lnTo>
                  <a:pt x="8281275" y="4473456"/>
                </a:lnTo>
                <a:lnTo>
                  <a:pt x="8281275" y="4495515"/>
                </a:lnTo>
                <a:lnTo>
                  <a:pt x="8126167" y="4550663"/>
                </a:lnTo>
                <a:lnTo>
                  <a:pt x="8214801" y="4793313"/>
                </a:lnTo>
                <a:lnTo>
                  <a:pt x="8126167" y="4936696"/>
                </a:lnTo>
                <a:lnTo>
                  <a:pt x="8303434" y="5289642"/>
                </a:lnTo>
                <a:lnTo>
                  <a:pt x="8480700" y="5377878"/>
                </a:lnTo>
                <a:lnTo>
                  <a:pt x="8480700" y="5410967"/>
                </a:lnTo>
                <a:lnTo>
                  <a:pt x="8270196" y="5477144"/>
                </a:lnTo>
                <a:lnTo>
                  <a:pt x="8248038" y="5774942"/>
                </a:lnTo>
                <a:lnTo>
                  <a:pt x="8536096" y="5719795"/>
                </a:lnTo>
                <a:lnTo>
                  <a:pt x="8547175" y="5741853"/>
                </a:lnTo>
                <a:lnTo>
                  <a:pt x="8392067" y="5830090"/>
                </a:lnTo>
                <a:lnTo>
                  <a:pt x="8248038" y="6072740"/>
                </a:lnTo>
                <a:lnTo>
                  <a:pt x="8436383" y="6160977"/>
                </a:lnTo>
                <a:lnTo>
                  <a:pt x="8436383" y="6205095"/>
                </a:lnTo>
                <a:lnTo>
                  <a:pt x="8281275" y="6282301"/>
                </a:lnTo>
                <a:lnTo>
                  <a:pt x="8259117" y="6723483"/>
                </a:lnTo>
                <a:lnTo>
                  <a:pt x="8181563" y="6844808"/>
                </a:lnTo>
                <a:lnTo>
                  <a:pt x="0" y="6858000"/>
                </a:lnTo>
                <a:cubicBezTo>
                  <a:pt x="1" y="4585193"/>
                  <a:pt x="12880" y="2272808"/>
                  <a:pt x="12881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  <p:pic>
        <p:nvPicPr>
          <p:cNvPr id="13" name="Bilde 12">
            <a:extLst>
              <a:ext uri="{FF2B5EF4-FFF2-40B4-BE49-F238E27FC236}">
                <a16:creationId xmlns:a16="http://schemas.microsoft.com/office/drawing/2014/main" id="{B52915FC-7FB9-734E-83EA-23EF63C465B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A759CBE4-5620-FD4F-BDE2-745D102A3E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912177" y="1703160"/>
            <a:ext cx="2897750" cy="1119156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08B011E4-CC1C-5847-A86C-046313DFAF8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912177" y="3214888"/>
            <a:ext cx="2897750" cy="3231396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7" name="Rektangel 16">
            <a:extLst>
              <a:ext uri="{FF2B5EF4-FFF2-40B4-BE49-F238E27FC236}">
                <a16:creationId xmlns:a16="http://schemas.microsoft.com/office/drawing/2014/main" id="{02F897AA-DBB5-8E4A-BBB8-2E9F565E194D}"/>
              </a:ext>
            </a:extLst>
          </p:cNvPr>
          <p:cNvSpPr/>
          <p:nvPr userDrawn="1"/>
        </p:nvSpPr>
        <p:spPr>
          <a:xfrm>
            <a:off x="0" y="1625670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0729843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i kystlinje - sand">
    <p:bg>
      <p:bgPr>
        <a:solidFill>
          <a:srgbClr val="F9F6F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ssholder for bilde 11">
            <a:extLst>
              <a:ext uri="{FF2B5EF4-FFF2-40B4-BE49-F238E27FC236}">
                <a16:creationId xmlns:a16="http://schemas.microsoft.com/office/drawing/2014/main" id="{A8D5AEB3-CE1A-2446-9ECA-5B48DF940DA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-51515" y="-51515"/>
            <a:ext cx="8783153" cy="6948153"/>
          </a:xfrm>
          <a:custGeom>
            <a:avLst/>
            <a:gdLst>
              <a:gd name="connsiteX0" fmla="*/ 2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 w 8950581"/>
              <a:gd name="connsiteY56" fmla="*/ 0 h 6858000"/>
              <a:gd name="connsiteX0" fmla="*/ 283337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83337 w 8950581"/>
              <a:gd name="connsiteY56" fmla="*/ 0 h 6858000"/>
              <a:gd name="connsiteX0" fmla="*/ 12881 w 8680125"/>
              <a:gd name="connsiteY0" fmla="*/ 0 h 6858000"/>
              <a:gd name="connsiteX1" fmla="*/ 8115088 w 8680125"/>
              <a:gd name="connsiteY1" fmla="*/ 17520 h 6858000"/>
              <a:gd name="connsiteX2" fmla="*/ 7882426 w 8680125"/>
              <a:gd name="connsiteY2" fmla="*/ 337376 h 6858000"/>
              <a:gd name="connsiteX3" fmla="*/ 7971059 w 8680125"/>
              <a:gd name="connsiteY3" fmla="*/ 546938 h 6858000"/>
              <a:gd name="connsiteX4" fmla="*/ 8159405 w 8680125"/>
              <a:gd name="connsiteY4" fmla="*/ 469731 h 6858000"/>
              <a:gd name="connsiteX5" fmla="*/ 8336671 w 8680125"/>
              <a:gd name="connsiteY5" fmla="*/ 149874 h 6858000"/>
              <a:gd name="connsiteX6" fmla="*/ 8358830 w 8680125"/>
              <a:gd name="connsiteY6" fmla="*/ 160903 h 6858000"/>
              <a:gd name="connsiteX7" fmla="*/ 8336671 w 8680125"/>
              <a:gd name="connsiteY7" fmla="*/ 414583 h 6858000"/>
              <a:gd name="connsiteX8" fmla="*/ 8469621 w 8680125"/>
              <a:gd name="connsiteY8" fmla="*/ 701351 h 6858000"/>
              <a:gd name="connsiteX9" fmla="*/ 8259117 w 8680125"/>
              <a:gd name="connsiteY9" fmla="*/ 1208710 h 6858000"/>
              <a:gd name="connsiteX10" fmla="*/ 8680125 w 8680125"/>
              <a:gd name="connsiteY10" fmla="*/ 1153562 h 6858000"/>
              <a:gd name="connsiteX11" fmla="*/ 8680125 w 8680125"/>
              <a:gd name="connsiteY11" fmla="*/ 1186651 h 6858000"/>
              <a:gd name="connsiteX12" fmla="*/ 8159405 w 8680125"/>
              <a:gd name="connsiteY12" fmla="*/ 1484449 h 6858000"/>
              <a:gd name="connsiteX13" fmla="*/ 8281275 w 8680125"/>
              <a:gd name="connsiteY13" fmla="*/ 1671951 h 6858000"/>
              <a:gd name="connsiteX14" fmla="*/ 8602571 w 8680125"/>
              <a:gd name="connsiteY14" fmla="*/ 1627834 h 6858000"/>
              <a:gd name="connsiteX15" fmla="*/ 8602571 w 8680125"/>
              <a:gd name="connsiteY15" fmla="*/ 1638863 h 6858000"/>
              <a:gd name="connsiteX16" fmla="*/ 8525017 w 8680125"/>
              <a:gd name="connsiteY16" fmla="*/ 2113133 h 6858000"/>
              <a:gd name="connsiteX17" fmla="*/ 8502859 w 8680125"/>
              <a:gd name="connsiteY17" fmla="*/ 2113133 h 6858000"/>
              <a:gd name="connsiteX18" fmla="*/ 8092929 w 8680125"/>
              <a:gd name="connsiteY18" fmla="*/ 1760187 h 6858000"/>
              <a:gd name="connsiteX19" fmla="*/ 8104009 w 8680125"/>
              <a:gd name="connsiteY19" fmla="*/ 2080045 h 6858000"/>
              <a:gd name="connsiteX20" fmla="*/ 8225879 w 8680125"/>
              <a:gd name="connsiteY20" fmla="*/ 2124162 h 6858000"/>
              <a:gd name="connsiteX21" fmla="*/ 8225879 w 8680125"/>
              <a:gd name="connsiteY21" fmla="*/ 2146222 h 6858000"/>
              <a:gd name="connsiteX22" fmla="*/ 8115088 w 8680125"/>
              <a:gd name="connsiteY22" fmla="*/ 2300635 h 6858000"/>
              <a:gd name="connsiteX23" fmla="*/ 8236958 w 8680125"/>
              <a:gd name="connsiteY23" fmla="*/ 2477109 h 6858000"/>
              <a:gd name="connsiteX24" fmla="*/ 8469621 w 8680125"/>
              <a:gd name="connsiteY24" fmla="*/ 2499167 h 6858000"/>
              <a:gd name="connsiteX25" fmla="*/ 8469621 w 8680125"/>
              <a:gd name="connsiteY25" fmla="*/ 2521226 h 6858000"/>
              <a:gd name="connsiteX26" fmla="*/ 8270196 w 8680125"/>
              <a:gd name="connsiteY26" fmla="*/ 2642551 h 6858000"/>
              <a:gd name="connsiteX27" fmla="*/ 8292354 w 8680125"/>
              <a:gd name="connsiteY27" fmla="*/ 3017556 h 6858000"/>
              <a:gd name="connsiteX28" fmla="*/ 8646887 w 8680125"/>
              <a:gd name="connsiteY28" fmla="*/ 2940349 h 6858000"/>
              <a:gd name="connsiteX29" fmla="*/ 8646887 w 8680125"/>
              <a:gd name="connsiteY29" fmla="*/ 2951379 h 6858000"/>
              <a:gd name="connsiteX30" fmla="*/ 8292354 w 8680125"/>
              <a:gd name="connsiteY30" fmla="*/ 3194029 h 6858000"/>
              <a:gd name="connsiteX31" fmla="*/ 8048614 w 8680125"/>
              <a:gd name="connsiteY31" fmla="*/ 3734477 h 6858000"/>
              <a:gd name="connsiteX32" fmla="*/ 8115088 w 8680125"/>
              <a:gd name="connsiteY32" fmla="*/ 4021244 h 6858000"/>
              <a:gd name="connsiteX33" fmla="*/ 8369909 w 8680125"/>
              <a:gd name="connsiteY33" fmla="*/ 4120510 h 6858000"/>
              <a:gd name="connsiteX34" fmla="*/ 8369909 w 8680125"/>
              <a:gd name="connsiteY34" fmla="*/ 4131539 h 6858000"/>
              <a:gd name="connsiteX35" fmla="*/ 8192642 w 8680125"/>
              <a:gd name="connsiteY35" fmla="*/ 4285954 h 6858000"/>
              <a:gd name="connsiteX36" fmla="*/ 8281275 w 8680125"/>
              <a:gd name="connsiteY36" fmla="*/ 4473456 h 6858000"/>
              <a:gd name="connsiteX37" fmla="*/ 8281275 w 8680125"/>
              <a:gd name="connsiteY37" fmla="*/ 4495515 h 6858000"/>
              <a:gd name="connsiteX38" fmla="*/ 8126167 w 8680125"/>
              <a:gd name="connsiteY38" fmla="*/ 4550663 h 6858000"/>
              <a:gd name="connsiteX39" fmla="*/ 8214801 w 8680125"/>
              <a:gd name="connsiteY39" fmla="*/ 4793313 h 6858000"/>
              <a:gd name="connsiteX40" fmla="*/ 8126167 w 8680125"/>
              <a:gd name="connsiteY40" fmla="*/ 4936696 h 6858000"/>
              <a:gd name="connsiteX41" fmla="*/ 8303434 w 8680125"/>
              <a:gd name="connsiteY41" fmla="*/ 5289642 h 6858000"/>
              <a:gd name="connsiteX42" fmla="*/ 8480700 w 8680125"/>
              <a:gd name="connsiteY42" fmla="*/ 5377878 h 6858000"/>
              <a:gd name="connsiteX43" fmla="*/ 8480700 w 8680125"/>
              <a:gd name="connsiteY43" fmla="*/ 5410967 h 6858000"/>
              <a:gd name="connsiteX44" fmla="*/ 8270196 w 8680125"/>
              <a:gd name="connsiteY44" fmla="*/ 5477144 h 6858000"/>
              <a:gd name="connsiteX45" fmla="*/ 8248038 w 8680125"/>
              <a:gd name="connsiteY45" fmla="*/ 5774942 h 6858000"/>
              <a:gd name="connsiteX46" fmla="*/ 8536096 w 8680125"/>
              <a:gd name="connsiteY46" fmla="*/ 5719795 h 6858000"/>
              <a:gd name="connsiteX47" fmla="*/ 8547175 w 8680125"/>
              <a:gd name="connsiteY47" fmla="*/ 5741853 h 6858000"/>
              <a:gd name="connsiteX48" fmla="*/ 8392067 w 8680125"/>
              <a:gd name="connsiteY48" fmla="*/ 5830090 h 6858000"/>
              <a:gd name="connsiteX49" fmla="*/ 8248038 w 8680125"/>
              <a:gd name="connsiteY49" fmla="*/ 6072740 h 6858000"/>
              <a:gd name="connsiteX50" fmla="*/ 8436383 w 8680125"/>
              <a:gd name="connsiteY50" fmla="*/ 6160977 h 6858000"/>
              <a:gd name="connsiteX51" fmla="*/ 8436383 w 8680125"/>
              <a:gd name="connsiteY51" fmla="*/ 6205095 h 6858000"/>
              <a:gd name="connsiteX52" fmla="*/ 8281275 w 8680125"/>
              <a:gd name="connsiteY52" fmla="*/ 6282301 h 6858000"/>
              <a:gd name="connsiteX53" fmla="*/ 8259117 w 8680125"/>
              <a:gd name="connsiteY53" fmla="*/ 6723483 h 6858000"/>
              <a:gd name="connsiteX54" fmla="*/ 8181563 w 8680125"/>
              <a:gd name="connsiteY54" fmla="*/ 6844808 h 6858000"/>
              <a:gd name="connsiteX55" fmla="*/ 0 w 8680125"/>
              <a:gd name="connsiteY55" fmla="*/ 6858000 h 6858000"/>
              <a:gd name="connsiteX56" fmla="*/ 12881 w 8680125"/>
              <a:gd name="connsiteY56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</a:cxnLst>
            <a:rect l="l" t="t" r="r" b="b"/>
            <a:pathLst>
              <a:path w="8680125" h="6858000">
                <a:moveTo>
                  <a:pt x="12881" y="0"/>
                </a:moveTo>
                <a:lnTo>
                  <a:pt x="8115088" y="17520"/>
                </a:lnTo>
                <a:lnTo>
                  <a:pt x="7882426" y="337376"/>
                </a:lnTo>
                <a:lnTo>
                  <a:pt x="7971059" y="546938"/>
                </a:lnTo>
                <a:lnTo>
                  <a:pt x="8159405" y="469731"/>
                </a:lnTo>
                <a:lnTo>
                  <a:pt x="8336671" y="149874"/>
                </a:lnTo>
                <a:lnTo>
                  <a:pt x="8358830" y="160903"/>
                </a:lnTo>
                <a:lnTo>
                  <a:pt x="8336671" y="414583"/>
                </a:lnTo>
                <a:lnTo>
                  <a:pt x="8469621" y="701351"/>
                </a:lnTo>
                <a:lnTo>
                  <a:pt x="8259117" y="1208710"/>
                </a:lnTo>
                <a:lnTo>
                  <a:pt x="8680125" y="1153562"/>
                </a:lnTo>
                <a:lnTo>
                  <a:pt x="8680125" y="1186651"/>
                </a:lnTo>
                <a:lnTo>
                  <a:pt x="8159405" y="1484449"/>
                </a:lnTo>
                <a:lnTo>
                  <a:pt x="8281275" y="1671951"/>
                </a:lnTo>
                <a:lnTo>
                  <a:pt x="8602571" y="1627834"/>
                </a:lnTo>
                <a:lnTo>
                  <a:pt x="8602571" y="1638863"/>
                </a:lnTo>
                <a:lnTo>
                  <a:pt x="8525017" y="2113133"/>
                </a:lnTo>
                <a:lnTo>
                  <a:pt x="8502859" y="2113133"/>
                </a:lnTo>
                <a:lnTo>
                  <a:pt x="8092929" y="1760187"/>
                </a:lnTo>
                <a:lnTo>
                  <a:pt x="8104009" y="2080045"/>
                </a:lnTo>
                <a:lnTo>
                  <a:pt x="8225879" y="2124162"/>
                </a:lnTo>
                <a:lnTo>
                  <a:pt x="8225879" y="2146222"/>
                </a:lnTo>
                <a:lnTo>
                  <a:pt x="8115088" y="2300635"/>
                </a:lnTo>
                <a:lnTo>
                  <a:pt x="8236958" y="2477109"/>
                </a:lnTo>
                <a:lnTo>
                  <a:pt x="8469621" y="2499167"/>
                </a:lnTo>
                <a:lnTo>
                  <a:pt x="8469621" y="2521226"/>
                </a:lnTo>
                <a:lnTo>
                  <a:pt x="8270196" y="2642551"/>
                </a:lnTo>
                <a:lnTo>
                  <a:pt x="8292354" y="3017556"/>
                </a:lnTo>
                <a:lnTo>
                  <a:pt x="8646887" y="2940349"/>
                </a:lnTo>
                <a:lnTo>
                  <a:pt x="8646887" y="2951379"/>
                </a:lnTo>
                <a:lnTo>
                  <a:pt x="8292354" y="3194029"/>
                </a:lnTo>
                <a:lnTo>
                  <a:pt x="8048614" y="3734477"/>
                </a:lnTo>
                <a:lnTo>
                  <a:pt x="8115088" y="4021244"/>
                </a:lnTo>
                <a:lnTo>
                  <a:pt x="8369909" y="4120510"/>
                </a:lnTo>
                <a:lnTo>
                  <a:pt x="8369909" y="4131539"/>
                </a:lnTo>
                <a:lnTo>
                  <a:pt x="8192642" y="4285954"/>
                </a:lnTo>
                <a:lnTo>
                  <a:pt x="8281275" y="4473456"/>
                </a:lnTo>
                <a:lnTo>
                  <a:pt x="8281275" y="4495515"/>
                </a:lnTo>
                <a:lnTo>
                  <a:pt x="8126167" y="4550663"/>
                </a:lnTo>
                <a:lnTo>
                  <a:pt x="8214801" y="4793313"/>
                </a:lnTo>
                <a:lnTo>
                  <a:pt x="8126167" y="4936696"/>
                </a:lnTo>
                <a:lnTo>
                  <a:pt x="8303434" y="5289642"/>
                </a:lnTo>
                <a:lnTo>
                  <a:pt x="8480700" y="5377878"/>
                </a:lnTo>
                <a:lnTo>
                  <a:pt x="8480700" y="5410967"/>
                </a:lnTo>
                <a:lnTo>
                  <a:pt x="8270196" y="5477144"/>
                </a:lnTo>
                <a:lnTo>
                  <a:pt x="8248038" y="5774942"/>
                </a:lnTo>
                <a:lnTo>
                  <a:pt x="8536096" y="5719795"/>
                </a:lnTo>
                <a:lnTo>
                  <a:pt x="8547175" y="5741853"/>
                </a:lnTo>
                <a:lnTo>
                  <a:pt x="8392067" y="5830090"/>
                </a:lnTo>
                <a:lnTo>
                  <a:pt x="8248038" y="6072740"/>
                </a:lnTo>
                <a:lnTo>
                  <a:pt x="8436383" y="6160977"/>
                </a:lnTo>
                <a:lnTo>
                  <a:pt x="8436383" y="6205095"/>
                </a:lnTo>
                <a:lnTo>
                  <a:pt x="8281275" y="6282301"/>
                </a:lnTo>
                <a:lnTo>
                  <a:pt x="8259117" y="6723483"/>
                </a:lnTo>
                <a:lnTo>
                  <a:pt x="8181563" y="6844808"/>
                </a:lnTo>
                <a:lnTo>
                  <a:pt x="0" y="6858000"/>
                </a:lnTo>
                <a:cubicBezTo>
                  <a:pt x="1" y="4585193"/>
                  <a:pt x="12880" y="2272808"/>
                  <a:pt x="12881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  <p:pic>
        <p:nvPicPr>
          <p:cNvPr id="13" name="Bilde 12">
            <a:extLst>
              <a:ext uri="{FF2B5EF4-FFF2-40B4-BE49-F238E27FC236}">
                <a16:creationId xmlns:a16="http://schemas.microsoft.com/office/drawing/2014/main" id="{B52915FC-7FB9-734E-83EA-23EF63C465B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A759CBE4-5620-FD4F-BDE2-745D102A3E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912177" y="1703160"/>
            <a:ext cx="2897750" cy="1119156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08B011E4-CC1C-5847-A86C-046313DFAF8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912177" y="3214888"/>
            <a:ext cx="2897750" cy="3231396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7" name="Rektangel 16">
            <a:extLst>
              <a:ext uri="{FF2B5EF4-FFF2-40B4-BE49-F238E27FC236}">
                <a16:creationId xmlns:a16="http://schemas.microsoft.com/office/drawing/2014/main" id="{02F897AA-DBB5-8E4A-BBB8-2E9F565E194D}"/>
              </a:ext>
            </a:extLst>
          </p:cNvPr>
          <p:cNvSpPr/>
          <p:nvPr userDrawn="1"/>
        </p:nvSpPr>
        <p:spPr>
          <a:xfrm>
            <a:off x="0" y="1625670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20879075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i kystlinje - hv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ssholder for bilde 11">
            <a:extLst>
              <a:ext uri="{FF2B5EF4-FFF2-40B4-BE49-F238E27FC236}">
                <a16:creationId xmlns:a16="http://schemas.microsoft.com/office/drawing/2014/main" id="{A8D5AEB3-CE1A-2446-9ECA-5B48DF940DA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-38481" y="-38637"/>
            <a:ext cx="6310255" cy="6935275"/>
          </a:xfrm>
          <a:custGeom>
            <a:avLst/>
            <a:gdLst>
              <a:gd name="connsiteX0" fmla="*/ 2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 w 8950581"/>
              <a:gd name="connsiteY56" fmla="*/ 0 h 6858000"/>
              <a:gd name="connsiteX0" fmla="*/ 283337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83337 w 8950581"/>
              <a:gd name="connsiteY56" fmla="*/ 0 h 6858000"/>
              <a:gd name="connsiteX0" fmla="*/ 12881 w 8680125"/>
              <a:gd name="connsiteY0" fmla="*/ 0 h 6858000"/>
              <a:gd name="connsiteX1" fmla="*/ 8115088 w 8680125"/>
              <a:gd name="connsiteY1" fmla="*/ 17520 h 6858000"/>
              <a:gd name="connsiteX2" fmla="*/ 7882426 w 8680125"/>
              <a:gd name="connsiteY2" fmla="*/ 337376 h 6858000"/>
              <a:gd name="connsiteX3" fmla="*/ 7971059 w 8680125"/>
              <a:gd name="connsiteY3" fmla="*/ 546938 h 6858000"/>
              <a:gd name="connsiteX4" fmla="*/ 8159405 w 8680125"/>
              <a:gd name="connsiteY4" fmla="*/ 469731 h 6858000"/>
              <a:gd name="connsiteX5" fmla="*/ 8336671 w 8680125"/>
              <a:gd name="connsiteY5" fmla="*/ 149874 h 6858000"/>
              <a:gd name="connsiteX6" fmla="*/ 8358830 w 8680125"/>
              <a:gd name="connsiteY6" fmla="*/ 160903 h 6858000"/>
              <a:gd name="connsiteX7" fmla="*/ 8336671 w 8680125"/>
              <a:gd name="connsiteY7" fmla="*/ 414583 h 6858000"/>
              <a:gd name="connsiteX8" fmla="*/ 8469621 w 8680125"/>
              <a:gd name="connsiteY8" fmla="*/ 701351 h 6858000"/>
              <a:gd name="connsiteX9" fmla="*/ 8259117 w 8680125"/>
              <a:gd name="connsiteY9" fmla="*/ 1208710 h 6858000"/>
              <a:gd name="connsiteX10" fmla="*/ 8680125 w 8680125"/>
              <a:gd name="connsiteY10" fmla="*/ 1153562 h 6858000"/>
              <a:gd name="connsiteX11" fmla="*/ 8680125 w 8680125"/>
              <a:gd name="connsiteY11" fmla="*/ 1186651 h 6858000"/>
              <a:gd name="connsiteX12" fmla="*/ 8159405 w 8680125"/>
              <a:gd name="connsiteY12" fmla="*/ 1484449 h 6858000"/>
              <a:gd name="connsiteX13" fmla="*/ 8281275 w 8680125"/>
              <a:gd name="connsiteY13" fmla="*/ 1671951 h 6858000"/>
              <a:gd name="connsiteX14" fmla="*/ 8602571 w 8680125"/>
              <a:gd name="connsiteY14" fmla="*/ 1627834 h 6858000"/>
              <a:gd name="connsiteX15" fmla="*/ 8602571 w 8680125"/>
              <a:gd name="connsiteY15" fmla="*/ 1638863 h 6858000"/>
              <a:gd name="connsiteX16" fmla="*/ 8525017 w 8680125"/>
              <a:gd name="connsiteY16" fmla="*/ 2113133 h 6858000"/>
              <a:gd name="connsiteX17" fmla="*/ 8502859 w 8680125"/>
              <a:gd name="connsiteY17" fmla="*/ 2113133 h 6858000"/>
              <a:gd name="connsiteX18" fmla="*/ 8092929 w 8680125"/>
              <a:gd name="connsiteY18" fmla="*/ 1760187 h 6858000"/>
              <a:gd name="connsiteX19" fmla="*/ 8104009 w 8680125"/>
              <a:gd name="connsiteY19" fmla="*/ 2080045 h 6858000"/>
              <a:gd name="connsiteX20" fmla="*/ 8225879 w 8680125"/>
              <a:gd name="connsiteY20" fmla="*/ 2124162 h 6858000"/>
              <a:gd name="connsiteX21" fmla="*/ 8225879 w 8680125"/>
              <a:gd name="connsiteY21" fmla="*/ 2146222 h 6858000"/>
              <a:gd name="connsiteX22" fmla="*/ 8115088 w 8680125"/>
              <a:gd name="connsiteY22" fmla="*/ 2300635 h 6858000"/>
              <a:gd name="connsiteX23" fmla="*/ 8236958 w 8680125"/>
              <a:gd name="connsiteY23" fmla="*/ 2477109 h 6858000"/>
              <a:gd name="connsiteX24" fmla="*/ 8469621 w 8680125"/>
              <a:gd name="connsiteY24" fmla="*/ 2499167 h 6858000"/>
              <a:gd name="connsiteX25" fmla="*/ 8469621 w 8680125"/>
              <a:gd name="connsiteY25" fmla="*/ 2521226 h 6858000"/>
              <a:gd name="connsiteX26" fmla="*/ 8270196 w 8680125"/>
              <a:gd name="connsiteY26" fmla="*/ 2642551 h 6858000"/>
              <a:gd name="connsiteX27" fmla="*/ 8292354 w 8680125"/>
              <a:gd name="connsiteY27" fmla="*/ 3017556 h 6858000"/>
              <a:gd name="connsiteX28" fmla="*/ 8646887 w 8680125"/>
              <a:gd name="connsiteY28" fmla="*/ 2940349 h 6858000"/>
              <a:gd name="connsiteX29" fmla="*/ 8646887 w 8680125"/>
              <a:gd name="connsiteY29" fmla="*/ 2951379 h 6858000"/>
              <a:gd name="connsiteX30" fmla="*/ 8292354 w 8680125"/>
              <a:gd name="connsiteY30" fmla="*/ 3194029 h 6858000"/>
              <a:gd name="connsiteX31" fmla="*/ 8048614 w 8680125"/>
              <a:gd name="connsiteY31" fmla="*/ 3734477 h 6858000"/>
              <a:gd name="connsiteX32" fmla="*/ 8115088 w 8680125"/>
              <a:gd name="connsiteY32" fmla="*/ 4021244 h 6858000"/>
              <a:gd name="connsiteX33" fmla="*/ 8369909 w 8680125"/>
              <a:gd name="connsiteY33" fmla="*/ 4120510 h 6858000"/>
              <a:gd name="connsiteX34" fmla="*/ 8369909 w 8680125"/>
              <a:gd name="connsiteY34" fmla="*/ 4131539 h 6858000"/>
              <a:gd name="connsiteX35" fmla="*/ 8192642 w 8680125"/>
              <a:gd name="connsiteY35" fmla="*/ 4285954 h 6858000"/>
              <a:gd name="connsiteX36" fmla="*/ 8281275 w 8680125"/>
              <a:gd name="connsiteY36" fmla="*/ 4473456 h 6858000"/>
              <a:gd name="connsiteX37" fmla="*/ 8281275 w 8680125"/>
              <a:gd name="connsiteY37" fmla="*/ 4495515 h 6858000"/>
              <a:gd name="connsiteX38" fmla="*/ 8126167 w 8680125"/>
              <a:gd name="connsiteY38" fmla="*/ 4550663 h 6858000"/>
              <a:gd name="connsiteX39" fmla="*/ 8214801 w 8680125"/>
              <a:gd name="connsiteY39" fmla="*/ 4793313 h 6858000"/>
              <a:gd name="connsiteX40" fmla="*/ 8126167 w 8680125"/>
              <a:gd name="connsiteY40" fmla="*/ 4936696 h 6858000"/>
              <a:gd name="connsiteX41" fmla="*/ 8303434 w 8680125"/>
              <a:gd name="connsiteY41" fmla="*/ 5289642 h 6858000"/>
              <a:gd name="connsiteX42" fmla="*/ 8480700 w 8680125"/>
              <a:gd name="connsiteY42" fmla="*/ 5377878 h 6858000"/>
              <a:gd name="connsiteX43" fmla="*/ 8480700 w 8680125"/>
              <a:gd name="connsiteY43" fmla="*/ 5410967 h 6858000"/>
              <a:gd name="connsiteX44" fmla="*/ 8270196 w 8680125"/>
              <a:gd name="connsiteY44" fmla="*/ 5477144 h 6858000"/>
              <a:gd name="connsiteX45" fmla="*/ 8248038 w 8680125"/>
              <a:gd name="connsiteY45" fmla="*/ 5774942 h 6858000"/>
              <a:gd name="connsiteX46" fmla="*/ 8536096 w 8680125"/>
              <a:gd name="connsiteY46" fmla="*/ 5719795 h 6858000"/>
              <a:gd name="connsiteX47" fmla="*/ 8547175 w 8680125"/>
              <a:gd name="connsiteY47" fmla="*/ 5741853 h 6858000"/>
              <a:gd name="connsiteX48" fmla="*/ 8392067 w 8680125"/>
              <a:gd name="connsiteY48" fmla="*/ 5830090 h 6858000"/>
              <a:gd name="connsiteX49" fmla="*/ 8248038 w 8680125"/>
              <a:gd name="connsiteY49" fmla="*/ 6072740 h 6858000"/>
              <a:gd name="connsiteX50" fmla="*/ 8436383 w 8680125"/>
              <a:gd name="connsiteY50" fmla="*/ 6160977 h 6858000"/>
              <a:gd name="connsiteX51" fmla="*/ 8436383 w 8680125"/>
              <a:gd name="connsiteY51" fmla="*/ 6205095 h 6858000"/>
              <a:gd name="connsiteX52" fmla="*/ 8281275 w 8680125"/>
              <a:gd name="connsiteY52" fmla="*/ 6282301 h 6858000"/>
              <a:gd name="connsiteX53" fmla="*/ 8259117 w 8680125"/>
              <a:gd name="connsiteY53" fmla="*/ 6723483 h 6858000"/>
              <a:gd name="connsiteX54" fmla="*/ 8181563 w 8680125"/>
              <a:gd name="connsiteY54" fmla="*/ 6844808 h 6858000"/>
              <a:gd name="connsiteX55" fmla="*/ 0 w 8680125"/>
              <a:gd name="connsiteY55" fmla="*/ 6858000 h 6858000"/>
              <a:gd name="connsiteX56" fmla="*/ 12881 w 8680125"/>
              <a:gd name="connsiteY56" fmla="*/ 0 h 6858000"/>
              <a:gd name="connsiteX0" fmla="*/ 2443891 w 8680125"/>
              <a:gd name="connsiteY0" fmla="*/ 0 h 6845289"/>
              <a:gd name="connsiteX1" fmla="*/ 8115088 w 8680125"/>
              <a:gd name="connsiteY1" fmla="*/ 4809 h 6845289"/>
              <a:gd name="connsiteX2" fmla="*/ 7882426 w 8680125"/>
              <a:gd name="connsiteY2" fmla="*/ 324665 h 6845289"/>
              <a:gd name="connsiteX3" fmla="*/ 7971059 w 8680125"/>
              <a:gd name="connsiteY3" fmla="*/ 534227 h 6845289"/>
              <a:gd name="connsiteX4" fmla="*/ 8159405 w 8680125"/>
              <a:gd name="connsiteY4" fmla="*/ 457020 h 6845289"/>
              <a:gd name="connsiteX5" fmla="*/ 8336671 w 8680125"/>
              <a:gd name="connsiteY5" fmla="*/ 137163 h 6845289"/>
              <a:gd name="connsiteX6" fmla="*/ 8358830 w 8680125"/>
              <a:gd name="connsiteY6" fmla="*/ 148192 h 6845289"/>
              <a:gd name="connsiteX7" fmla="*/ 8336671 w 8680125"/>
              <a:gd name="connsiteY7" fmla="*/ 401872 h 6845289"/>
              <a:gd name="connsiteX8" fmla="*/ 8469621 w 8680125"/>
              <a:gd name="connsiteY8" fmla="*/ 688640 h 6845289"/>
              <a:gd name="connsiteX9" fmla="*/ 8259117 w 8680125"/>
              <a:gd name="connsiteY9" fmla="*/ 1195999 h 6845289"/>
              <a:gd name="connsiteX10" fmla="*/ 8680125 w 8680125"/>
              <a:gd name="connsiteY10" fmla="*/ 1140851 h 6845289"/>
              <a:gd name="connsiteX11" fmla="*/ 8680125 w 8680125"/>
              <a:gd name="connsiteY11" fmla="*/ 1173940 h 6845289"/>
              <a:gd name="connsiteX12" fmla="*/ 8159405 w 8680125"/>
              <a:gd name="connsiteY12" fmla="*/ 1471738 h 6845289"/>
              <a:gd name="connsiteX13" fmla="*/ 8281275 w 8680125"/>
              <a:gd name="connsiteY13" fmla="*/ 1659240 h 6845289"/>
              <a:gd name="connsiteX14" fmla="*/ 8602571 w 8680125"/>
              <a:gd name="connsiteY14" fmla="*/ 1615123 h 6845289"/>
              <a:gd name="connsiteX15" fmla="*/ 8602571 w 8680125"/>
              <a:gd name="connsiteY15" fmla="*/ 1626152 h 6845289"/>
              <a:gd name="connsiteX16" fmla="*/ 8525017 w 8680125"/>
              <a:gd name="connsiteY16" fmla="*/ 2100422 h 6845289"/>
              <a:gd name="connsiteX17" fmla="*/ 8502859 w 8680125"/>
              <a:gd name="connsiteY17" fmla="*/ 2100422 h 6845289"/>
              <a:gd name="connsiteX18" fmla="*/ 8092929 w 8680125"/>
              <a:gd name="connsiteY18" fmla="*/ 1747476 h 6845289"/>
              <a:gd name="connsiteX19" fmla="*/ 8104009 w 8680125"/>
              <a:gd name="connsiteY19" fmla="*/ 2067334 h 6845289"/>
              <a:gd name="connsiteX20" fmla="*/ 8225879 w 8680125"/>
              <a:gd name="connsiteY20" fmla="*/ 2111451 h 6845289"/>
              <a:gd name="connsiteX21" fmla="*/ 8225879 w 8680125"/>
              <a:gd name="connsiteY21" fmla="*/ 2133511 h 6845289"/>
              <a:gd name="connsiteX22" fmla="*/ 8115088 w 8680125"/>
              <a:gd name="connsiteY22" fmla="*/ 2287924 h 6845289"/>
              <a:gd name="connsiteX23" fmla="*/ 8236958 w 8680125"/>
              <a:gd name="connsiteY23" fmla="*/ 2464398 h 6845289"/>
              <a:gd name="connsiteX24" fmla="*/ 8469621 w 8680125"/>
              <a:gd name="connsiteY24" fmla="*/ 2486456 h 6845289"/>
              <a:gd name="connsiteX25" fmla="*/ 8469621 w 8680125"/>
              <a:gd name="connsiteY25" fmla="*/ 2508515 h 6845289"/>
              <a:gd name="connsiteX26" fmla="*/ 8270196 w 8680125"/>
              <a:gd name="connsiteY26" fmla="*/ 2629840 h 6845289"/>
              <a:gd name="connsiteX27" fmla="*/ 8292354 w 8680125"/>
              <a:gd name="connsiteY27" fmla="*/ 3004845 h 6845289"/>
              <a:gd name="connsiteX28" fmla="*/ 8646887 w 8680125"/>
              <a:gd name="connsiteY28" fmla="*/ 2927638 h 6845289"/>
              <a:gd name="connsiteX29" fmla="*/ 8646887 w 8680125"/>
              <a:gd name="connsiteY29" fmla="*/ 2938668 h 6845289"/>
              <a:gd name="connsiteX30" fmla="*/ 8292354 w 8680125"/>
              <a:gd name="connsiteY30" fmla="*/ 3181318 h 6845289"/>
              <a:gd name="connsiteX31" fmla="*/ 8048614 w 8680125"/>
              <a:gd name="connsiteY31" fmla="*/ 3721766 h 6845289"/>
              <a:gd name="connsiteX32" fmla="*/ 8115088 w 8680125"/>
              <a:gd name="connsiteY32" fmla="*/ 4008533 h 6845289"/>
              <a:gd name="connsiteX33" fmla="*/ 8369909 w 8680125"/>
              <a:gd name="connsiteY33" fmla="*/ 4107799 h 6845289"/>
              <a:gd name="connsiteX34" fmla="*/ 8369909 w 8680125"/>
              <a:gd name="connsiteY34" fmla="*/ 4118828 h 6845289"/>
              <a:gd name="connsiteX35" fmla="*/ 8192642 w 8680125"/>
              <a:gd name="connsiteY35" fmla="*/ 4273243 h 6845289"/>
              <a:gd name="connsiteX36" fmla="*/ 8281275 w 8680125"/>
              <a:gd name="connsiteY36" fmla="*/ 4460745 h 6845289"/>
              <a:gd name="connsiteX37" fmla="*/ 8281275 w 8680125"/>
              <a:gd name="connsiteY37" fmla="*/ 4482804 h 6845289"/>
              <a:gd name="connsiteX38" fmla="*/ 8126167 w 8680125"/>
              <a:gd name="connsiteY38" fmla="*/ 4537952 h 6845289"/>
              <a:gd name="connsiteX39" fmla="*/ 8214801 w 8680125"/>
              <a:gd name="connsiteY39" fmla="*/ 4780602 h 6845289"/>
              <a:gd name="connsiteX40" fmla="*/ 8126167 w 8680125"/>
              <a:gd name="connsiteY40" fmla="*/ 4923985 h 6845289"/>
              <a:gd name="connsiteX41" fmla="*/ 8303434 w 8680125"/>
              <a:gd name="connsiteY41" fmla="*/ 5276931 h 6845289"/>
              <a:gd name="connsiteX42" fmla="*/ 8480700 w 8680125"/>
              <a:gd name="connsiteY42" fmla="*/ 5365167 h 6845289"/>
              <a:gd name="connsiteX43" fmla="*/ 8480700 w 8680125"/>
              <a:gd name="connsiteY43" fmla="*/ 5398256 h 6845289"/>
              <a:gd name="connsiteX44" fmla="*/ 8270196 w 8680125"/>
              <a:gd name="connsiteY44" fmla="*/ 5464433 h 6845289"/>
              <a:gd name="connsiteX45" fmla="*/ 8248038 w 8680125"/>
              <a:gd name="connsiteY45" fmla="*/ 5762231 h 6845289"/>
              <a:gd name="connsiteX46" fmla="*/ 8536096 w 8680125"/>
              <a:gd name="connsiteY46" fmla="*/ 5707084 h 6845289"/>
              <a:gd name="connsiteX47" fmla="*/ 8547175 w 8680125"/>
              <a:gd name="connsiteY47" fmla="*/ 5729142 h 6845289"/>
              <a:gd name="connsiteX48" fmla="*/ 8392067 w 8680125"/>
              <a:gd name="connsiteY48" fmla="*/ 5817379 h 6845289"/>
              <a:gd name="connsiteX49" fmla="*/ 8248038 w 8680125"/>
              <a:gd name="connsiteY49" fmla="*/ 6060029 h 6845289"/>
              <a:gd name="connsiteX50" fmla="*/ 8436383 w 8680125"/>
              <a:gd name="connsiteY50" fmla="*/ 6148266 h 6845289"/>
              <a:gd name="connsiteX51" fmla="*/ 8436383 w 8680125"/>
              <a:gd name="connsiteY51" fmla="*/ 6192384 h 6845289"/>
              <a:gd name="connsiteX52" fmla="*/ 8281275 w 8680125"/>
              <a:gd name="connsiteY52" fmla="*/ 6269590 h 6845289"/>
              <a:gd name="connsiteX53" fmla="*/ 8259117 w 8680125"/>
              <a:gd name="connsiteY53" fmla="*/ 6710772 h 6845289"/>
              <a:gd name="connsiteX54" fmla="*/ 8181563 w 8680125"/>
              <a:gd name="connsiteY54" fmla="*/ 6832097 h 6845289"/>
              <a:gd name="connsiteX55" fmla="*/ 0 w 8680125"/>
              <a:gd name="connsiteY55" fmla="*/ 6845289 h 6845289"/>
              <a:gd name="connsiteX56" fmla="*/ 2443891 w 8680125"/>
              <a:gd name="connsiteY56" fmla="*/ 0 h 6845289"/>
              <a:gd name="connsiteX0" fmla="*/ 1 w 6236235"/>
              <a:gd name="connsiteY0" fmla="*/ 0 h 6845289"/>
              <a:gd name="connsiteX1" fmla="*/ 5671198 w 6236235"/>
              <a:gd name="connsiteY1" fmla="*/ 4809 h 6845289"/>
              <a:gd name="connsiteX2" fmla="*/ 5438536 w 6236235"/>
              <a:gd name="connsiteY2" fmla="*/ 324665 h 6845289"/>
              <a:gd name="connsiteX3" fmla="*/ 5527169 w 6236235"/>
              <a:gd name="connsiteY3" fmla="*/ 534227 h 6845289"/>
              <a:gd name="connsiteX4" fmla="*/ 5715515 w 6236235"/>
              <a:gd name="connsiteY4" fmla="*/ 457020 h 6845289"/>
              <a:gd name="connsiteX5" fmla="*/ 5892781 w 6236235"/>
              <a:gd name="connsiteY5" fmla="*/ 137163 h 6845289"/>
              <a:gd name="connsiteX6" fmla="*/ 5914940 w 6236235"/>
              <a:gd name="connsiteY6" fmla="*/ 148192 h 6845289"/>
              <a:gd name="connsiteX7" fmla="*/ 5892781 w 6236235"/>
              <a:gd name="connsiteY7" fmla="*/ 401872 h 6845289"/>
              <a:gd name="connsiteX8" fmla="*/ 6025731 w 6236235"/>
              <a:gd name="connsiteY8" fmla="*/ 688640 h 6845289"/>
              <a:gd name="connsiteX9" fmla="*/ 5815227 w 6236235"/>
              <a:gd name="connsiteY9" fmla="*/ 1195999 h 6845289"/>
              <a:gd name="connsiteX10" fmla="*/ 6236235 w 6236235"/>
              <a:gd name="connsiteY10" fmla="*/ 1140851 h 6845289"/>
              <a:gd name="connsiteX11" fmla="*/ 6236235 w 6236235"/>
              <a:gd name="connsiteY11" fmla="*/ 1173940 h 6845289"/>
              <a:gd name="connsiteX12" fmla="*/ 5715515 w 6236235"/>
              <a:gd name="connsiteY12" fmla="*/ 1471738 h 6845289"/>
              <a:gd name="connsiteX13" fmla="*/ 5837385 w 6236235"/>
              <a:gd name="connsiteY13" fmla="*/ 1659240 h 6845289"/>
              <a:gd name="connsiteX14" fmla="*/ 6158681 w 6236235"/>
              <a:gd name="connsiteY14" fmla="*/ 1615123 h 6845289"/>
              <a:gd name="connsiteX15" fmla="*/ 6158681 w 6236235"/>
              <a:gd name="connsiteY15" fmla="*/ 1626152 h 6845289"/>
              <a:gd name="connsiteX16" fmla="*/ 6081127 w 6236235"/>
              <a:gd name="connsiteY16" fmla="*/ 2100422 h 6845289"/>
              <a:gd name="connsiteX17" fmla="*/ 6058969 w 6236235"/>
              <a:gd name="connsiteY17" fmla="*/ 2100422 h 6845289"/>
              <a:gd name="connsiteX18" fmla="*/ 5649039 w 6236235"/>
              <a:gd name="connsiteY18" fmla="*/ 1747476 h 6845289"/>
              <a:gd name="connsiteX19" fmla="*/ 5660119 w 6236235"/>
              <a:gd name="connsiteY19" fmla="*/ 2067334 h 6845289"/>
              <a:gd name="connsiteX20" fmla="*/ 5781989 w 6236235"/>
              <a:gd name="connsiteY20" fmla="*/ 2111451 h 6845289"/>
              <a:gd name="connsiteX21" fmla="*/ 5781989 w 6236235"/>
              <a:gd name="connsiteY21" fmla="*/ 2133511 h 6845289"/>
              <a:gd name="connsiteX22" fmla="*/ 5671198 w 6236235"/>
              <a:gd name="connsiteY22" fmla="*/ 2287924 h 6845289"/>
              <a:gd name="connsiteX23" fmla="*/ 5793068 w 6236235"/>
              <a:gd name="connsiteY23" fmla="*/ 2464398 h 6845289"/>
              <a:gd name="connsiteX24" fmla="*/ 6025731 w 6236235"/>
              <a:gd name="connsiteY24" fmla="*/ 2486456 h 6845289"/>
              <a:gd name="connsiteX25" fmla="*/ 6025731 w 6236235"/>
              <a:gd name="connsiteY25" fmla="*/ 2508515 h 6845289"/>
              <a:gd name="connsiteX26" fmla="*/ 5826306 w 6236235"/>
              <a:gd name="connsiteY26" fmla="*/ 2629840 h 6845289"/>
              <a:gd name="connsiteX27" fmla="*/ 5848464 w 6236235"/>
              <a:gd name="connsiteY27" fmla="*/ 3004845 h 6845289"/>
              <a:gd name="connsiteX28" fmla="*/ 6202997 w 6236235"/>
              <a:gd name="connsiteY28" fmla="*/ 2927638 h 6845289"/>
              <a:gd name="connsiteX29" fmla="*/ 6202997 w 6236235"/>
              <a:gd name="connsiteY29" fmla="*/ 2938668 h 6845289"/>
              <a:gd name="connsiteX30" fmla="*/ 5848464 w 6236235"/>
              <a:gd name="connsiteY30" fmla="*/ 3181318 h 6845289"/>
              <a:gd name="connsiteX31" fmla="*/ 5604724 w 6236235"/>
              <a:gd name="connsiteY31" fmla="*/ 3721766 h 6845289"/>
              <a:gd name="connsiteX32" fmla="*/ 5671198 w 6236235"/>
              <a:gd name="connsiteY32" fmla="*/ 4008533 h 6845289"/>
              <a:gd name="connsiteX33" fmla="*/ 5926019 w 6236235"/>
              <a:gd name="connsiteY33" fmla="*/ 4107799 h 6845289"/>
              <a:gd name="connsiteX34" fmla="*/ 5926019 w 6236235"/>
              <a:gd name="connsiteY34" fmla="*/ 4118828 h 6845289"/>
              <a:gd name="connsiteX35" fmla="*/ 5748752 w 6236235"/>
              <a:gd name="connsiteY35" fmla="*/ 4273243 h 6845289"/>
              <a:gd name="connsiteX36" fmla="*/ 5837385 w 6236235"/>
              <a:gd name="connsiteY36" fmla="*/ 4460745 h 6845289"/>
              <a:gd name="connsiteX37" fmla="*/ 5837385 w 6236235"/>
              <a:gd name="connsiteY37" fmla="*/ 4482804 h 6845289"/>
              <a:gd name="connsiteX38" fmla="*/ 5682277 w 6236235"/>
              <a:gd name="connsiteY38" fmla="*/ 4537952 h 6845289"/>
              <a:gd name="connsiteX39" fmla="*/ 5770911 w 6236235"/>
              <a:gd name="connsiteY39" fmla="*/ 4780602 h 6845289"/>
              <a:gd name="connsiteX40" fmla="*/ 5682277 w 6236235"/>
              <a:gd name="connsiteY40" fmla="*/ 4923985 h 6845289"/>
              <a:gd name="connsiteX41" fmla="*/ 5859544 w 6236235"/>
              <a:gd name="connsiteY41" fmla="*/ 5276931 h 6845289"/>
              <a:gd name="connsiteX42" fmla="*/ 6036810 w 6236235"/>
              <a:gd name="connsiteY42" fmla="*/ 5365167 h 6845289"/>
              <a:gd name="connsiteX43" fmla="*/ 6036810 w 6236235"/>
              <a:gd name="connsiteY43" fmla="*/ 5398256 h 6845289"/>
              <a:gd name="connsiteX44" fmla="*/ 5826306 w 6236235"/>
              <a:gd name="connsiteY44" fmla="*/ 5464433 h 6845289"/>
              <a:gd name="connsiteX45" fmla="*/ 5804148 w 6236235"/>
              <a:gd name="connsiteY45" fmla="*/ 5762231 h 6845289"/>
              <a:gd name="connsiteX46" fmla="*/ 6092206 w 6236235"/>
              <a:gd name="connsiteY46" fmla="*/ 5707084 h 6845289"/>
              <a:gd name="connsiteX47" fmla="*/ 6103285 w 6236235"/>
              <a:gd name="connsiteY47" fmla="*/ 5729142 h 6845289"/>
              <a:gd name="connsiteX48" fmla="*/ 5948177 w 6236235"/>
              <a:gd name="connsiteY48" fmla="*/ 5817379 h 6845289"/>
              <a:gd name="connsiteX49" fmla="*/ 5804148 w 6236235"/>
              <a:gd name="connsiteY49" fmla="*/ 6060029 h 6845289"/>
              <a:gd name="connsiteX50" fmla="*/ 5992493 w 6236235"/>
              <a:gd name="connsiteY50" fmla="*/ 6148266 h 6845289"/>
              <a:gd name="connsiteX51" fmla="*/ 5992493 w 6236235"/>
              <a:gd name="connsiteY51" fmla="*/ 6192384 h 6845289"/>
              <a:gd name="connsiteX52" fmla="*/ 5837385 w 6236235"/>
              <a:gd name="connsiteY52" fmla="*/ 6269590 h 6845289"/>
              <a:gd name="connsiteX53" fmla="*/ 5815227 w 6236235"/>
              <a:gd name="connsiteY53" fmla="*/ 6710772 h 6845289"/>
              <a:gd name="connsiteX54" fmla="*/ 5737673 w 6236235"/>
              <a:gd name="connsiteY54" fmla="*/ 6832097 h 6845289"/>
              <a:gd name="connsiteX55" fmla="*/ 12575 w 6236235"/>
              <a:gd name="connsiteY55" fmla="*/ 6845289 h 6845289"/>
              <a:gd name="connsiteX56" fmla="*/ 1 w 6236235"/>
              <a:gd name="connsiteY56" fmla="*/ 0 h 68452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</a:cxnLst>
            <a:rect l="l" t="t" r="r" b="b"/>
            <a:pathLst>
              <a:path w="6236235" h="6845289">
                <a:moveTo>
                  <a:pt x="1" y="0"/>
                </a:moveTo>
                <a:lnTo>
                  <a:pt x="5671198" y="4809"/>
                </a:lnTo>
                <a:lnTo>
                  <a:pt x="5438536" y="324665"/>
                </a:lnTo>
                <a:lnTo>
                  <a:pt x="5527169" y="534227"/>
                </a:lnTo>
                <a:lnTo>
                  <a:pt x="5715515" y="457020"/>
                </a:lnTo>
                <a:lnTo>
                  <a:pt x="5892781" y="137163"/>
                </a:lnTo>
                <a:lnTo>
                  <a:pt x="5914940" y="148192"/>
                </a:lnTo>
                <a:lnTo>
                  <a:pt x="5892781" y="401872"/>
                </a:lnTo>
                <a:lnTo>
                  <a:pt x="6025731" y="688640"/>
                </a:lnTo>
                <a:lnTo>
                  <a:pt x="5815227" y="1195999"/>
                </a:lnTo>
                <a:lnTo>
                  <a:pt x="6236235" y="1140851"/>
                </a:lnTo>
                <a:lnTo>
                  <a:pt x="6236235" y="1173940"/>
                </a:lnTo>
                <a:lnTo>
                  <a:pt x="5715515" y="1471738"/>
                </a:lnTo>
                <a:lnTo>
                  <a:pt x="5837385" y="1659240"/>
                </a:lnTo>
                <a:lnTo>
                  <a:pt x="6158681" y="1615123"/>
                </a:lnTo>
                <a:lnTo>
                  <a:pt x="6158681" y="1626152"/>
                </a:lnTo>
                <a:lnTo>
                  <a:pt x="6081127" y="2100422"/>
                </a:lnTo>
                <a:lnTo>
                  <a:pt x="6058969" y="2100422"/>
                </a:lnTo>
                <a:lnTo>
                  <a:pt x="5649039" y="1747476"/>
                </a:lnTo>
                <a:lnTo>
                  <a:pt x="5660119" y="2067334"/>
                </a:lnTo>
                <a:lnTo>
                  <a:pt x="5781989" y="2111451"/>
                </a:lnTo>
                <a:lnTo>
                  <a:pt x="5781989" y="2133511"/>
                </a:lnTo>
                <a:lnTo>
                  <a:pt x="5671198" y="2287924"/>
                </a:lnTo>
                <a:lnTo>
                  <a:pt x="5793068" y="2464398"/>
                </a:lnTo>
                <a:lnTo>
                  <a:pt x="6025731" y="2486456"/>
                </a:lnTo>
                <a:lnTo>
                  <a:pt x="6025731" y="2508515"/>
                </a:lnTo>
                <a:lnTo>
                  <a:pt x="5826306" y="2629840"/>
                </a:lnTo>
                <a:lnTo>
                  <a:pt x="5848464" y="3004845"/>
                </a:lnTo>
                <a:lnTo>
                  <a:pt x="6202997" y="2927638"/>
                </a:lnTo>
                <a:lnTo>
                  <a:pt x="6202997" y="2938668"/>
                </a:lnTo>
                <a:lnTo>
                  <a:pt x="5848464" y="3181318"/>
                </a:lnTo>
                <a:lnTo>
                  <a:pt x="5604724" y="3721766"/>
                </a:lnTo>
                <a:lnTo>
                  <a:pt x="5671198" y="4008533"/>
                </a:lnTo>
                <a:lnTo>
                  <a:pt x="5926019" y="4107799"/>
                </a:lnTo>
                <a:lnTo>
                  <a:pt x="5926019" y="4118828"/>
                </a:lnTo>
                <a:lnTo>
                  <a:pt x="5748752" y="4273243"/>
                </a:lnTo>
                <a:lnTo>
                  <a:pt x="5837385" y="4460745"/>
                </a:lnTo>
                <a:lnTo>
                  <a:pt x="5837385" y="4482804"/>
                </a:lnTo>
                <a:lnTo>
                  <a:pt x="5682277" y="4537952"/>
                </a:lnTo>
                <a:lnTo>
                  <a:pt x="5770911" y="4780602"/>
                </a:lnTo>
                <a:lnTo>
                  <a:pt x="5682277" y="4923985"/>
                </a:lnTo>
                <a:lnTo>
                  <a:pt x="5859544" y="5276931"/>
                </a:lnTo>
                <a:lnTo>
                  <a:pt x="6036810" y="5365167"/>
                </a:lnTo>
                <a:lnTo>
                  <a:pt x="6036810" y="5398256"/>
                </a:lnTo>
                <a:lnTo>
                  <a:pt x="5826306" y="5464433"/>
                </a:lnTo>
                <a:lnTo>
                  <a:pt x="5804148" y="5762231"/>
                </a:lnTo>
                <a:lnTo>
                  <a:pt x="6092206" y="5707084"/>
                </a:lnTo>
                <a:lnTo>
                  <a:pt x="6103285" y="5729142"/>
                </a:lnTo>
                <a:lnTo>
                  <a:pt x="5948177" y="5817379"/>
                </a:lnTo>
                <a:lnTo>
                  <a:pt x="5804148" y="6060029"/>
                </a:lnTo>
                <a:lnTo>
                  <a:pt x="5992493" y="6148266"/>
                </a:lnTo>
                <a:lnTo>
                  <a:pt x="5992493" y="6192384"/>
                </a:lnTo>
                <a:lnTo>
                  <a:pt x="5837385" y="6269590"/>
                </a:lnTo>
                <a:lnTo>
                  <a:pt x="5815227" y="6710772"/>
                </a:lnTo>
                <a:lnTo>
                  <a:pt x="5737673" y="6832097"/>
                </a:lnTo>
                <a:lnTo>
                  <a:pt x="12575" y="6845289"/>
                </a:lnTo>
                <a:cubicBezTo>
                  <a:pt x="12576" y="4572482"/>
                  <a:pt x="0" y="2272808"/>
                  <a:pt x="1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  <p:pic>
        <p:nvPicPr>
          <p:cNvPr id="13" name="Bilde 12">
            <a:extLst>
              <a:ext uri="{FF2B5EF4-FFF2-40B4-BE49-F238E27FC236}">
                <a16:creationId xmlns:a16="http://schemas.microsoft.com/office/drawing/2014/main" id="{B52915FC-7FB9-734E-83EA-23EF63C465B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  <p:sp>
        <p:nvSpPr>
          <p:cNvPr id="17" name="Rektangel 16">
            <a:extLst>
              <a:ext uri="{FF2B5EF4-FFF2-40B4-BE49-F238E27FC236}">
                <a16:creationId xmlns:a16="http://schemas.microsoft.com/office/drawing/2014/main" id="{02F897AA-DBB5-8E4A-BBB8-2E9F565E194D}"/>
              </a:ext>
            </a:extLst>
          </p:cNvPr>
          <p:cNvSpPr/>
          <p:nvPr userDrawn="1"/>
        </p:nvSpPr>
        <p:spPr>
          <a:xfrm>
            <a:off x="0" y="1625670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D83E94D-AC64-B549-AD52-CE2D115342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10763" y="1703160"/>
            <a:ext cx="5067947" cy="1119156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4F198CC8-5076-C04B-A596-36B55CE6AE1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710763" y="2941372"/>
            <a:ext cx="5067947" cy="3504912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2152291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i kystlinje - sand">
    <p:bg>
      <p:bgPr>
        <a:solidFill>
          <a:srgbClr val="F9F6F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ssholder for bilde 11">
            <a:extLst>
              <a:ext uri="{FF2B5EF4-FFF2-40B4-BE49-F238E27FC236}">
                <a16:creationId xmlns:a16="http://schemas.microsoft.com/office/drawing/2014/main" id="{A8D5AEB3-CE1A-2446-9ECA-5B48DF940DA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-38481" y="-38637"/>
            <a:ext cx="6310255" cy="6935275"/>
          </a:xfrm>
          <a:custGeom>
            <a:avLst/>
            <a:gdLst>
              <a:gd name="connsiteX0" fmla="*/ 2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 w 8950581"/>
              <a:gd name="connsiteY56" fmla="*/ 0 h 6858000"/>
              <a:gd name="connsiteX0" fmla="*/ 283337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83337 w 8950581"/>
              <a:gd name="connsiteY56" fmla="*/ 0 h 6858000"/>
              <a:gd name="connsiteX0" fmla="*/ 12881 w 8680125"/>
              <a:gd name="connsiteY0" fmla="*/ 0 h 6858000"/>
              <a:gd name="connsiteX1" fmla="*/ 8115088 w 8680125"/>
              <a:gd name="connsiteY1" fmla="*/ 17520 h 6858000"/>
              <a:gd name="connsiteX2" fmla="*/ 7882426 w 8680125"/>
              <a:gd name="connsiteY2" fmla="*/ 337376 h 6858000"/>
              <a:gd name="connsiteX3" fmla="*/ 7971059 w 8680125"/>
              <a:gd name="connsiteY3" fmla="*/ 546938 h 6858000"/>
              <a:gd name="connsiteX4" fmla="*/ 8159405 w 8680125"/>
              <a:gd name="connsiteY4" fmla="*/ 469731 h 6858000"/>
              <a:gd name="connsiteX5" fmla="*/ 8336671 w 8680125"/>
              <a:gd name="connsiteY5" fmla="*/ 149874 h 6858000"/>
              <a:gd name="connsiteX6" fmla="*/ 8358830 w 8680125"/>
              <a:gd name="connsiteY6" fmla="*/ 160903 h 6858000"/>
              <a:gd name="connsiteX7" fmla="*/ 8336671 w 8680125"/>
              <a:gd name="connsiteY7" fmla="*/ 414583 h 6858000"/>
              <a:gd name="connsiteX8" fmla="*/ 8469621 w 8680125"/>
              <a:gd name="connsiteY8" fmla="*/ 701351 h 6858000"/>
              <a:gd name="connsiteX9" fmla="*/ 8259117 w 8680125"/>
              <a:gd name="connsiteY9" fmla="*/ 1208710 h 6858000"/>
              <a:gd name="connsiteX10" fmla="*/ 8680125 w 8680125"/>
              <a:gd name="connsiteY10" fmla="*/ 1153562 h 6858000"/>
              <a:gd name="connsiteX11" fmla="*/ 8680125 w 8680125"/>
              <a:gd name="connsiteY11" fmla="*/ 1186651 h 6858000"/>
              <a:gd name="connsiteX12" fmla="*/ 8159405 w 8680125"/>
              <a:gd name="connsiteY12" fmla="*/ 1484449 h 6858000"/>
              <a:gd name="connsiteX13" fmla="*/ 8281275 w 8680125"/>
              <a:gd name="connsiteY13" fmla="*/ 1671951 h 6858000"/>
              <a:gd name="connsiteX14" fmla="*/ 8602571 w 8680125"/>
              <a:gd name="connsiteY14" fmla="*/ 1627834 h 6858000"/>
              <a:gd name="connsiteX15" fmla="*/ 8602571 w 8680125"/>
              <a:gd name="connsiteY15" fmla="*/ 1638863 h 6858000"/>
              <a:gd name="connsiteX16" fmla="*/ 8525017 w 8680125"/>
              <a:gd name="connsiteY16" fmla="*/ 2113133 h 6858000"/>
              <a:gd name="connsiteX17" fmla="*/ 8502859 w 8680125"/>
              <a:gd name="connsiteY17" fmla="*/ 2113133 h 6858000"/>
              <a:gd name="connsiteX18" fmla="*/ 8092929 w 8680125"/>
              <a:gd name="connsiteY18" fmla="*/ 1760187 h 6858000"/>
              <a:gd name="connsiteX19" fmla="*/ 8104009 w 8680125"/>
              <a:gd name="connsiteY19" fmla="*/ 2080045 h 6858000"/>
              <a:gd name="connsiteX20" fmla="*/ 8225879 w 8680125"/>
              <a:gd name="connsiteY20" fmla="*/ 2124162 h 6858000"/>
              <a:gd name="connsiteX21" fmla="*/ 8225879 w 8680125"/>
              <a:gd name="connsiteY21" fmla="*/ 2146222 h 6858000"/>
              <a:gd name="connsiteX22" fmla="*/ 8115088 w 8680125"/>
              <a:gd name="connsiteY22" fmla="*/ 2300635 h 6858000"/>
              <a:gd name="connsiteX23" fmla="*/ 8236958 w 8680125"/>
              <a:gd name="connsiteY23" fmla="*/ 2477109 h 6858000"/>
              <a:gd name="connsiteX24" fmla="*/ 8469621 w 8680125"/>
              <a:gd name="connsiteY24" fmla="*/ 2499167 h 6858000"/>
              <a:gd name="connsiteX25" fmla="*/ 8469621 w 8680125"/>
              <a:gd name="connsiteY25" fmla="*/ 2521226 h 6858000"/>
              <a:gd name="connsiteX26" fmla="*/ 8270196 w 8680125"/>
              <a:gd name="connsiteY26" fmla="*/ 2642551 h 6858000"/>
              <a:gd name="connsiteX27" fmla="*/ 8292354 w 8680125"/>
              <a:gd name="connsiteY27" fmla="*/ 3017556 h 6858000"/>
              <a:gd name="connsiteX28" fmla="*/ 8646887 w 8680125"/>
              <a:gd name="connsiteY28" fmla="*/ 2940349 h 6858000"/>
              <a:gd name="connsiteX29" fmla="*/ 8646887 w 8680125"/>
              <a:gd name="connsiteY29" fmla="*/ 2951379 h 6858000"/>
              <a:gd name="connsiteX30" fmla="*/ 8292354 w 8680125"/>
              <a:gd name="connsiteY30" fmla="*/ 3194029 h 6858000"/>
              <a:gd name="connsiteX31" fmla="*/ 8048614 w 8680125"/>
              <a:gd name="connsiteY31" fmla="*/ 3734477 h 6858000"/>
              <a:gd name="connsiteX32" fmla="*/ 8115088 w 8680125"/>
              <a:gd name="connsiteY32" fmla="*/ 4021244 h 6858000"/>
              <a:gd name="connsiteX33" fmla="*/ 8369909 w 8680125"/>
              <a:gd name="connsiteY33" fmla="*/ 4120510 h 6858000"/>
              <a:gd name="connsiteX34" fmla="*/ 8369909 w 8680125"/>
              <a:gd name="connsiteY34" fmla="*/ 4131539 h 6858000"/>
              <a:gd name="connsiteX35" fmla="*/ 8192642 w 8680125"/>
              <a:gd name="connsiteY35" fmla="*/ 4285954 h 6858000"/>
              <a:gd name="connsiteX36" fmla="*/ 8281275 w 8680125"/>
              <a:gd name="connsiteY36" fmla="*/ 4473456 h 6858000"/>
              <a:gd name="connsiteX37" fmla="*/ 8281275 w 8680125"/>
              <a:gd name="connsiteY37" fmla="*/ 4495515 h 6858000"/>
              <a:gd name="connsiteX38" fmla="*/ 8126167 w 8680125"/>
              <a:gd name="connsiteY38" fmla="*/ 4550663 h 6858000"/>
              <a:gd name="connsiteX39" fmla="*/ 8214801 w 8680125"/>
              <a:gd name="connsiteY39" fmla="*/ 4793313 h 6858000"/>
              <a:gd name="connsiteX40" fmla="*/ 8126167 w 8680125"/>
              <a:gd name="connsiteY40" fmla="*/ 4936696 h 6858000"/>
              <a:gd name="connsiteX41" fmla="*/ 8303434 w 8680125"/>
              <a:gd name="connsiteY41" fmla="*/ 5289642 h 6858000"/>
              <a:gd name="connsiteX42" fmla="*/ 8480700 w 8680125"/>
              <a:gd name="connsiteY42" fmla="*/ 5377878 h 6858000"/>
              <a:gd name="connsiteX43" fmla="*/ 8480700 w 8680125"/>
              <a:gd name="connsiteY43" fmla="*/ 5410967 h 6858000"/>
              <a:gd name="connsiteX44" fmla="*/ 8270196 w 8680125"/>
              <a:gd name="connsiteY44" fmla="*/ 5477144 h 6858000"/>
              <a:gd name="connsiteX45" fmla="*/ 8248038 w 8680125"/>
              <a:gd name="connsiteY45" fmla="*/ 5774942 h 6858000"/>
              <a:gd name="connsiteX46" fmla="*/ 8536096 w 8680125"/>
              <a:gd name="connsiteY46" fmla="*/ 5719795 h 6858000"/>
              <a:gd name="connsiteX47" fmla="*/ 8547175 w 8680125"/>
              <a:gd name="connsiteY47" fmla="*/ 5741853 h 6858000"/>
              <a:gd name="connsiteX48" fmla="*/ 8392067 w 8680125"/>
              <a:gd name="connsiteY48" fmla="*/ 5830090 h 6858000"/>
              <a:gd name="connsiteX49" fmla="*/ 8248038 w 8680125"/>
              <a:gd name="connsiteY49" fmla="*/ 6072740 h 6858000"/>
              <a:gd name="connsiteX50" fmla="*/ 8436383 w 8680125"/>
              <a:gd name="connsiteY50" fmla="*/ 6160977 h 6858000"/>
              <a:gd name="connsiteX51" fmla="*/ 8436383 w 8680125"/>
              <a:gd name="connsiteY51" fmla="*/ 6205095 h 6858000"/>
              <a:gd name="connsiteX52" fmla="*/ 8281275 w 8680125"/>
              <a:gd name="connsiteY52" fmla="*/ 6282301 h 6858000"/>
              <a:gd name="connsiteX53" fmla="*/ 8259117 w 8680125"/>
              <a:gd name="connsiteY53" fmla="*/ 6723483 h 6858000"/>
              <a:gd name="connsiteX54" fmla="*/ 8181563 w 8680125"/>
              <a:gd name="connsiteY54" fmla="*/ 6844808 h 6858000"/>
              <a:gd name="connsiteX55" fmla="*/ 0 w 8680125"/>
              <a:gd name="connsiteY55" fmla="*/ 6858000 h 6858000"/>
              <a:gd name="connsiteX56" fmla="*/ 12881 w 8680125"/>
              <a:gd name="connsiteY56" fmla="*/ 0 h 6858000"/>
              <a:gd name="connsiteX0" fmla="*/ 2443891 w 8680125"/>
              <a:gd name="connsiteY0" fmla="*/ 0 h 6845289"/>
              <a:gd name="connsiteX1" fmla="*/ 8115088 w 8680125"/>
              <a:gd name="connsiteY1" fmla="*/ 4809 h 6845289"/>
              <a:gd name="connsiteX2" fmla="*/ 7882426 w 8680125"/>
              <a:gd name="connsiteY2" fmla="*/ 324665 h 6845289"/>
              <a:gd name="connsiteX3" fmla="*/ 7971059 w 8680125"/>
              <a:gd name="connsiteY3" fmla="*/ 534227 h 6845289"/>
              <a:gd name="connsiteX4" fmla="*/ 8159405 w 8680125"/>
              <a:gd name="connsiteY4" fmla="*/ 457020 h 6845289"/>
              <a:gd name="connsiteX5" fmla="*/ 8336671 w 8680125"/>
              <a:gd name="connsiteY5" fmla="*/ 137163 h 6845289"/>
              <a:gd name="connsiteX6" fmla="*/ 8358830 w 8680125"/>
              <a:gd name="connsiteY6" fmla="*/ 148192 h 6845289"/>
              <a:gd name="connsiteX7" fmla="*/ 8336671 w 8680125"/>
              <a:gd name="connsiteY7" fmla="*/ 401872 h 6845289"/>
              <a:gd name="connsiteX8" fmla="*/ 8469621 w 8680125"/>
              <a:gd name="connsiteY8" fmla="*/ 688640 h 6845289"/>
              <a:gd name="connsiteX9" fmla="*/ 8259117 w 8680125"/>
              <a:gd name="connsiteY9" fmla="*/ 1195999 h 6845289"/>
              <a:gd name="connsiteX10" fmla="*/ 8680125 w 8680125"/>
              <a:gd name="connsiteY10" fmla="*/ 1140851 h 6845289"/>
              <a:gd name="connsiteX11" fmla="*/ 8680125 w 8680125"/>
              <a:gd name="connsiteY11" fmla="*/ 1173940 h 6845289"/>
              <a:gd name="connsiteX12" fmla="*/ 8159405 w 8680125"/>
              <a:gd name="connsiteY12" fmla="*/ 1471738 h 6845289"/>
              <a:gd name="connsiteX13" fmla="*/ 8281275 w 8680125"/>
              <a:gd name="connsiteY13" fmla="*/ 1659240 h 6845289"/>
              <a:gd name="connsiteX14" fmla="*/ 8602571 w 8680125"/>
              <a:gd name="connsiteY14" fmla="*/ 1615123 h 6845289"/>
              <a:gd name="connsiteX15" fmla="*/ 8602571 w 8680125"/>
              <a:gd name="connsiteY15" fmla="*/ 1626152 h 6845289"/>
              <a:gd name="connsiteX16" fmla="*/ 8525017 w 8680125"/>
              <a:gd name="connsiteY16" fmla="*/ 2100422 h 6845289"/>
              <a:gd name="connsiteX17" fmla="*/ 8502859 w 8680125"/>
              <a:gd name="connsiteY17" fmla="*/ 2100422 h 6845289"/>
              <a:gd name="connsiteX18" fmla="*/ 8092929 w 8680125"/>
              <a:gd name="connsiteY18" fmla="*/ 1747476 h 6845289"/>
              <a:gd name="connsiteX19" fmla="*/ 8104009 w 8680125"/>
              <a:gd name="connsiteY19" fmla="*/ 2067334 h 6845289"/>
              <a:gd name="connsiteX20" fmla="*/ 8225879 w 8680125"/>
              <a:gd name="connsiteY20" fmla="*/ 2111451 h 6845289"/>
              <a:gd name="connsiteX21" fmla="*/ 8225879 w 8680125"/>
              <a:gd name="connsiteY21" fmla="*/ 2133511 h 6845289"/>
              <a:gd name="connsiteX22" fmla="*/ 8115088 w 8680125"/>
              <a:gd name="connsiteY22" fmla="*/ 2287924 h 6845289"/>
              <a:gd name="connsiteX23" fmla="*/ 8236958 w 8680125"/>
              <a:gd name="connsiteY23" fmla="*/ 2464398 h 6845289"/>
              <a:gd name="connsiteX24" fmla="*/ 8469621 w 8680125"/>
              <a:gd name="connsiteY24" fmla="*/ 2486456 h 6845289"/>
              <a:gd name="connsiteX25" fmla="*/ 8469621 w 8680125"/>
              <a:gd name="connsiteY25" fmla="*/ 2508515 h 6845289"/>
              <a:gd name="connsiteX26" fmla="*/ 8270196 w 8680125"/>
              <a:gd name="connsiteY26" fmla="*/ 2629840 h 6845289"/>
              <a:gd name="connsiteX27" fmla="*/ 8292354 w 8680125"/>
              <a:gd name="connsiteY27" fmla="*/ 3004845 h 6845289"/>
              <a:gd name="connsiteX28" fmla="*/ 8646887 w 8680125"/>
              <a:gd name="connsiteY28" fmla="*/ 2927638 h 6845289"/>
              <a:gd name="connsiteX29" fmla="*/ 8646887 w 8680125"/>
              <a:gd name="connsiteY29" fmla="*/ 2938668 h 6845289"/>
              <a:gd name="connsiteX30" fmla="*/ 8292354 w 8680125"/>
              <a:gd name="connsiteY30" fmla="*/ 3181318 h 6845289"/>
              <a:gd name="connsiteX31" fmla="*/ 8048614 w 8680125"/>
              <a:gd name="connsiteY31" fmla="*/ 3721766 h 6845289"/>
              <a:gd name="connsiteX32" fmla="*/ 8115088 w 8680125"/>
              <a:gd name="connsiteY32" fmla="*/ 4008533 h 6845289"/>
              <a:gd name="connsiteX33" fmla="*/ 8369909 w 8680125"/>
              <a:gd name="connsiteY33" fmla="*/ 4107799 h 6845289"/>
              <a:gd name="connsiteX34" fmla="*/ 8369909 w 8680125"/>
              <a:gd name="connsiteY34" fmla="*/ 4118828 h 6845289"/>
              <a:gd name="connsiteX35" fmla="*/ 8192642 w 8680125"/>
              <a:gd name="connsiteY35" fmla="*/ 4273243 h 6845289"/>
              <a:gd name="connsiteX36" fmla="*/ 8281275 w 8680125"/>
              <a:gd name="connsiteY36" fmla="*/ 4460745 h 6845289"/>
              <a:gd name="connsiteX37" fmla="*/ 8281275 w 8680125"/>
              <a:gd name="connsiteY37" fmla="*/ 4482804 h 6845289"/>
              <a:gd name="connsiteX38" fmla="*/ 8126167 w 8680125"/>
              <a:gd name="connsiteY38" fmla="*/ 4537952 h 6845289"/>
              <a:gd name="connsiteX39" fmla="*/ 8214801 w 8680125"/>
              <a:gd name="connsiteY39" fmla="*/ 4780602 h 6845289"/>
              <a:gd name="connsiteX40" fmla="*/ 8126167 w 8680125"/>
              <a:gd name="connsiteY40" fmla="*/ 4923985 h 6845289"/>
              <a:gd name="connsiteX41" fmla="*/ 8303434 w 8680125"/>
              <a:gd name="connsiteY41" fmla="*/ 5276931 h 6845289"/>
              <a:gd name="connsiteX42" fmla="*/ 8480700 w 8680125"/>
              <a:gd name="connsiteY42" fmla="*/ 5365167 h 6845289"/>
              <a:gd name="connsiteX43" fmla="*/ 8480700 w 8680125"/>
              <a:gd name="connsiteY43" fmla="*/ 5398256 h 6845289"/>
              <a:gd name="connsiteX44" fmla="*/ 8270196 w 8680125"/>
              <a:gd name="connsiteY44" fmla="*/ 5464433 h 6845289"/>
              <a:gd name="connsiteX45" fmla="*/ 8248038 w 8680125"/>
              <a:gd name="connsiteY45" fmla="*/ 5762231 h 6845289"/>
              <a:gd name="connsiteX46" fmla="*/ 8536096 w 8680125"/>
              <a:gd name="connsiteY46" fmla="*/ 5707084 h 6845289"/>
              <a:gd name="connsiteX47" fmla="*/ 8547175 w 8680125"/>
              <a:gd name="connsiteY47" fmla="*/ 5729142 h 6845289"/>
              <a:gd name="connsiteX48" fmla="*/ 8392067 w 8680125"/>
              <a:gd name="connsiteY48" fmla="*/ 5817379 h 6845289"/>
              <a:gd name="connsiteX49" fmla="*/ 8248038 w 8680125"/>
              <a:gd name="connsiteY49" fmla="*/ 6060029 h 6845289"/>
              <a:gd name="connsiteX50" fmla="*/ 8436383 w 8680125"/>
              <a:gd name="connsiteY50" fmla="*/ 6148266 h 6845289"/>
              <a:gd name="connsiteX51" fmla="*/ 8436383 w 8680125"/>
              <a:gd name="connsiteY51" fmla="*/ 6192384 h 6845289"/>
              <a:gd name="connsiteX52" fmla="*/ 8281275 w 8680125"/>
              <a:gd name="connsiteY52" fmla="*/ 6269590 h 6845289"/>
              <a:gd name="connsiteX53" fmla="*/ 8259117 w 8680125"/>
              <a:gd name="connsiteY53" fmla="*/ 6710772 h 6845289"/>
              <a:gd name="connsiteX54" fmla="*/ 8181563 w 8680125"/>
              <a:gd name="connsiteY54" fmla="*/ 6832097 h 6845289"/>
              <a:gd name="connsiteX55" fmla="*/ 0 w 8680125"/>
              <a:gd name="connsiteY55" fmla="*/ 6845289 h 6845289"/>
              <a:gd name="connsiteX56" fmla="*/ 2443891 w 8680125"/>
              <a:gd name="connsiteY56" fmla="*/ 0 h 6845289"/>
              <a:gd name="connsiteX0" fmla="*/ 1 w 6236235"/>
              <a:gd name="connsiteY0" fmla="*/ 0 h 6845289"/>
              <a:gd name="connsiteX1" fmla="*/ 5671198 w 6236235"/>
              <a:gd name="connsiteY1" fmla="*/ 4809 h 6845289"/>
              <a:gd name="connsiteX2" fmla="*/ 5438536 w 6236235"/>
              <a:gd name="connsiteY2" fmla="*/ 324665 h 6845289"/>
              <a:gd name="connsiteX3" fmla="*/ 5527169 w 6236235"/>
              <a:gd name="connsiteY3" fmla="*/ 534227 h 6845289"/>
              <a:gd name="connsiteX4" fmla="*/ 5715515 w 6236235"/>
              <a:gd name="connsiteY4" fmla="*/ 457020 h 6845289"/>
              <a:gd name="connsiteX5" fmla="*/ 5892781 w 6236235"/>
              <a:gd name="connsiteY5" fmla="*/ 137163 h 6845289"/>
              <a:gd name="connsiteX6" fmla="*/ 5914940 w 6236235"/>
              <a:gd name="connsiteY6" fmla="*/ 148192 h 6845289"/>
              <a:gd name="connsiteX7" fmla="*/ 5892781 w 6236235"/>
              <a:gd name="connsiteY7" fmla="*/ 401872 h 6845289"/>
              <a:gd name="connsiteX8" fmla="*/ 6025731 w 6236235"/>
              <a:gd name="connsiteY8" fmla="*/ 688640 h 6845289"/>
              <a:gd name="connsiteX9" fmla="*/ 5815227 w 6236235"/>
              <a:gd name="connsiteY9" fmla="*/ 1195999 h 6845289"/>
              <a:gd name="connsiteX10" fmla="*/ 6236235 w 6236235"/>
              <a:gd name="connsiteY10" fmla="*/ 1140851 h 6845289"/>
              <a:gd name="connsiteX11" fmla="*/ 6236235 w 6236235"/>
              <a:gd name="connsiteY11" fmla="*/ 1173940 h 6845289"/>
              <a:gd name="connsiteX12" fmla="*/ 5715515 w 6236235"/>
              <a:gd name="connsiteY12" fmla="*/ 1471738 h 6845289"/>
              <a:gd name="connsiteX13" fmla="*/ 5837385 w 6236235"/>
              <a:gd name="connsiteY13" fmla="*/ 1659240 h 6845289"/>
              <a:gd name="connsiteX14" fmla="*/ 6158681 w 6236235"/>
              <a:gd name="connsiteY14" fmla="*/ 1615123 h 6845289"/>
              <a:gd name="connsiteX15" fmla="*/ 6158681 w 6236235"/>
              <a:gd name="connsiteY15" fmla="*/ 1626152 h 6845289"/>
              <a:gd name="connsiteX16" fmla="*/ 6081127 w 6236235"/>
              <a:gd name="connsiteY16" fmla="*/ 2100422 h 6845289"/>
              <a:gd name="connsiteX17" fmla="*/ 6058969 w 6236235"/>
              <a:gd name="connsiteY17" fmla="*/ 2100422 h 6845289"/>
              <a:gd name="connsiteX18" fmla="*/ 5649039 w 6236235"/>
              <a:gd name="connsiteY18" fmla="*/ 1747476 h 6845289"/>
              <a:gd name="connsiteX19" fmla="*/ 5660119 w 6236235"/>
              <a:gd name="connsiteY19" fmla="*/ 2067334 h 6845289"/>
              <a:gd name="connsiteX20" fmla="*/ 5781989 w 6236235"/>
              <a:gd name="connsiteY20" fmla="*/ 2111451 h 6845289"/>
              <a:gd name="connsiteX21" fmla="*/ 5781989 w 6236235"/>
              <a:gd name="connsiteY21" fmla="*/ 2133511 h 6845289"/>
              <a:gd name="connsiteX22" fmla="*/ 5671198 w 6236235"/>
              <a:gd name="connsiteY22" fmla="*/ 2287924 h 6845289"/>
              <a:gd name="connsiteX23" fmla="*/ 5793068 w 6236235"/>
              <a:gd name="connsiteY23" fmla="*/ 2464398 h 6845289"/>
              <a:gd name="connsiteX24" fmla="*/ 6025731 w 6236235"/>
              <a:gd name="connsiteY24" fmla="*/ 2486456 h 6845289"/>
              <a:gd name="connsiteX25" fmla="*/ 6025731 w 6236235"/>
              <a:gd name="connsiteY25" fmla="*/ 2508515 h 6845289"/>
              <a:gd name="connsiteX26" fmla="*/ 5826306 w 6236235"/>
              <a:gd name="connsiteY26" fmla="*/ 2629840 h 6845289"/>
              <a:gd name="connsiteX27" fmla="*/ 5848464 w 6236235"/>
              <a:gd name="connsiteY27" fmla="*/ 3004845 h 6845289"/>
              <a:gd name="connsiteX28" fmla="*/ 6202997 w 6236235"/>
              <a:gd name="connsiteY28" fmla="*/ 2927638 h 6845289"/>
              <a:gd name="connsiteX29" fmla="*/ 6202997 w 6236235"/>
              <a:gd name="connsiteY29" fmla="*/ 2938668 h 6845289"/>
              <a:gd name="connsiteX30" fmla="*/ 5848464 w 6236235"/>
              <a:gd name="connsiteY30" fmla="*/ 3181318 h 6845289"/>
              <a:gd name="connsiteX31" fmla="*/ 5604724 w 6236235"/>
              <a:gd name="connsiteY31" fmla="*/ 3721766 h 6845289"/>
              <a:gd name="connsiteX32" fmla="*/ 5671198 w 6236235"/>
              <a:gd name="connsiteY32" fmla="*/ 4008533 h 6845289"/>
              <a:gd name="connsiteX33" fmla="*/ 5926019 w 6236235"/>
              <a:gd name="connsiteY33" fmla="*/ 4107799 h 6845289"/>
              <a:gd name="connsiteX34" fmla="*/ 5926019 w 6236235"/>
              <a:gd name="connsiteY34" fmla="*/ 4118828 h 6845289"/>
              <a:gd name="connsiteX35" fmla="*/ 5748752 w 6236235"/>
              <a:gd name="connsiteY35" fmla="*/ 4273243 h 6845289"/>
              <a:gd name="connsiteX36" fmla="*/ 5837385 w 6236235"/>
              <a:gd name="connsiteY36" fmla="*/ 4460745 h 6845289"/>
              <a:gd name="connsiteX37" fmla="*/ 5837385 w 6236235"/>
              <a:gd name="connsiteY37" fmla="*/ 4482804 h 6845289"/>
              <a:gd name="connsiteX38" fmla="*/ 5682277 w 6236235"/>
              <a:gd name="connsiteY38" fmla="*/ 4537952 h 6845289"/>
              <a:gd name="connsiteX39" fmla="*/ 5770911 w 6236235"/>
              <a:gd name="connsiteY39" fmla="*/ 4780602 h 6845289"/>
              <a:gd name="connsiteX40" fmla="*/ 5682277 w 6236235"/>
              <a:gd name="connsiteY40" fmla="*/ 4923985 h 6845289"/>
              <a:gd name="connsiteX41" fmla="*/ 5859544 w 6236235"/>
              <a:gd name="connsiteY41" fmla="*/ 5276931 h 6845289"/>
              <a:gd name="connsiteX42" fmla="*/ 6036810 w 6236235"/>
              <a:gd name="connsiteY42" fmla="*/ 5365167 h 6845289"/>
              <a:gd name="connsiteX43" fmla="*/ 6036810 w 6236235"/>
              <a:gd name="connsiteY43" fmla="*/ 5398256 h 6845289"/>
              <a:gd name="connsiteX44" fmla="*/ 5826306 w 6236235"/>
              <a:gd name="connsiteY44" fmla="*/ 5464433 h 6845289"/>
              <a:gd name="connsiteX45" fmla="*/ 5804148 w 6236235"/>
              <a:gd name="connsiteY45" fmla="*/ 5762231 h 6845289"/>
              <a:gd name="connsiteX46" fmla="*/ 6092206 w 6236235"/>
              <a:gd name="connsiteY46" fmla="*/ 5707084 h 6845289"/>
              <a:gd name="connsiteX47" fmla="*/ 6103285 w 6236235"/>
              <a:gd name="connsiteY47" fmla="*/ 5729142 h 6845289"/>
              <a:gd name="connsiteX48" fmla="*/ 5948177 w 6236235"/>
              <a:gd name="connsiteY48" fmla="*/ 5817379 h 6845289"/>
              <a:gd name="connsiteX49" fmla="*/ 5804148 w 6236235"/>
              <a:gd name="connsiteY49" fmla="*/ 6060029 h 6845289"/>
              <a:gd name="connsiteX50" fmla="*/ 5992493 w 6236235"/>
              <a:gd name="connsiteY50" fmla="*/ 6148266 h 6845289"/>
              <a:gd name="connsiteX51" fmla="*/ 5992493 w 6236235"/>
              <a:gd name="connsiteY51" fmla="*/ 6192384 h 6845289"/>
              <a:gd name="connsiteX52" fmla="*/ 5837385 w 6236235"/>
              <a:gd name="connsiteY52" fmla="*/ 6269590 h 6845289"/>
              <a:gd name="connsiteX53" fmla="*/ 5815227 w 6236235"/>
              <a:gd name="connsiteY53" fmla="*/ 6710772 h 6845289"/>
              <a:gd name="connsiteX54" fmla="*/ 5737673 w 6236235"/>
              <a:gd name="connsiteY54" fmla="*/ 6832097 h 6845289"/>
              <a:gd name="connsiteX55" fmla="*/ 12575 w 6236235"/>
              <a:gd name="connsiteY55" fmla="*/ 6845289 h 6845289"/>
              <a:gd name="connsiteX56" fmla="*/ 1 w 6236235"/>
              <a:gd name="connsiteY56" fmla="*/ 0 h 68452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</a:cxnLst>
            <a:rect l="l" t="t" r="r" b="b"/>
            <a:pathLst>
              <a:path w="6236235" h="6845289">
                <a:moveTo>
                  <a:pt x="1" y="0"/>
                </a:moveTo>
                <a:lnTo>
                  <a:pt x="5671198" y="4809"/>
                </a:lnTo>
                <a:lnTo>
                  <a:pt x="5438536" y="324665"/>
                </a:lnTo>
                <a:lnTo>
                  <a:pt x="5527169" y="534227"/>
                </a:lnTo>
                <a:lnTo>
                  <a:pt x="5715515" y="457020"/>
                </a:lnTo>
                <a:lnTo>
                  <a:pt x="5892781" y="137163"/>
                </a:lnTo>
                <a:lnTo>
                  <a:pt x="5914940" y="148192"/>
                </a:lnTo>
                <a:lnTo>
                  <a:pt x="5892781" y="401872"/>
                </a:lnTo>
                <a:lnTo>
                  <a:pt x="6025731" y="688640"/>
                </a:lnTo>
                <a:lnTo>
                  <a:pt x="5815227" y="1195999"/>
                </a:lnTo>
                <a:lnTo>
                  <a:pt x="6236235" y="1140851"/>
                </a:lnTo>
                <a:lnTo>
                  <a:pt x="6236235" y="1173940"/>
                </a:lnTo>
                <a:lnTo>
                  <a:pt x="5715515" y="1471738"/>
                </a:lnTo>
                <a:lnTo>
                  <a:pt x="5837385" y="1659240"/>
                </a:lnTo>
                <a:lnTo>
                  <a:pt x="6158681" y="1615123"/>
                </a:lnTo>
                <a:lnTo>
                  <a:pt x="6158681" y="1626152"/>
                </a:lnTo>
                <a:lnTo>
                  <a:pt x="6081127" y="2100422"/>
                </a:lnTo>
                <a:lnTo>
                  <a:pt x="6058969" y="2100422"/>
                </a:lnTo>
                <a:lnTo>
                  <a:pt x="5649039" y="1747476"/>
                </a:lnTo>
                <a:lnTo>
                  <a:pt x="5660119" y="2067334"/>
                </a:lnTo>
                <a:lnTo>
                  <a:pt x="5781989" y="2111451"/>
                </a:lnTo>
                <a:lnTo>
                  <a:pt x="5781989" y="2133511"/>
                </a:lnTo>
                <a:lnTo>
                  <a:pt x="5671198" y="2287924"/>
                </a:lnTo>
                <a:lnTo>
                  <a:pt x="5793068" y="2464398"/>
                </a:lnTo>
                <a:lnTo>
                  <a:pt x="6025731" y="2486456"/>
                </a:lnTo>
                <a:lnTo>
                  <a:pt x="6025731" y="2508515"/>
                </a:lnTo>
                <a:lnTo>
                  <a:pt x="5826306" y="2629840"/>
                </a:lnTo>
                <a:lnTo>
                  <a:pt x="5848464" y="3004845"/>
                </a:lnTo>
                <a:lnTo>
                  <a:pt x="6202997" y="2927638"/>
                </a:lnTo>
                <a:lnTo>
                  <a:pt x="6202997" y="2938668"/>
                </a:lnTo>
                <a:lnTo>
                  <a:pt x="5848464" y="3181318"/>
                </a:lnTo>
                <a:lnTo>
                  <a:pt x="5604724" y="3721766"/>
                </a:lnTo>
                <a:lnTo>
                  <a:pt x="5671198" y="4008533"/>
                </a:lnTo>
                <a:lnTo>
                  <a:pt x="5926019" y="4107799"/>
                </a:lnTo>
                <a:lnTo>
                  <a:pt x="5926019" y="4118828"/>
                </a:lnTo>
                <a:lnTo>
                  <a:pt x="5748752" y="4273243"/>
                </a:lnTo>
                <a:lnTo>
                  <a:pt x="5837385" y="4460745"/>
                </a:lnTo>
                <a:lnTo>
                  <a:pt x="5837385" y="4482804"/>
                </a:lnTo>
                <a:lnTo>
                  <a:pt x="5682277" y="4537952"/>
                </a:lnTo>
                <a:lnTo>
                  <a:pt x="5770911" y="4780602"/>
                </a:lnTo>
                <a:lnTo>
                  <a:pt x="5682277" y="4923985"/>
                </a:lnTo>
                <a:lnTo>
                  <a:pt x="5859544" y="5276931"/>
                </a:lnTo>
                <a:lnTo>
                  <a:pt x="6036810" y="5365167"/>
                </a:lnTo>
                <a:lnTo>
                  <a:pt x="6036810" y="5398256"/>
                </a:lnTo>
                <a:lnTo>
                  <a:pt x="5826306" y="5464433"/>
                </a:lnTo>
                <a:lnTo>
                  <a:pt x="5804148" y="5762231"/>
                </a:lnTo>
                <a:lnTo>
                  <a:pt x="6092206" y="5707084"/>
                </a:lnTo>
                <a:lnTo>
                  <a:pt x="6103285" y="5729142"/>
                </a:lnTo>
                <a:lnTo>
                  <a:pt x="5948177" y="5817379"/>
                </a:lnTo>
                <a:lnTo>
                  <a:pt x="5804148" y="6060029"/>
                </a:lnTo>
                <a:lnTo>
                  <a:pt x="5992493" y="6148266"/>
                </a:lnTo>
                <a:lnTo>
                  <a:pt x="5992493" y="6192384"/>
                </a:lnTo>
                <a:lnTo>
                  <a:pt x="5837385" y="6269590"/>
                </a:lnTo>
                <a:lnTo>
                  <a:pt x="5815227" y="6710772"/>
                </a:lnTo>
                <a:lnTo>
                  <a:pt x="5737673" y="6832097"/>
                </a:lnTo>
                <a:lnTo>
                  <a:pt x="12575" y="6845289"/>
                </a:lnTo>
                <a:cubicBezTo>
                  <a:pt x="12576" y="4572482"/>
                  <a:pt x="0" y="2272808"/>
                  <a:pt x="1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  <p:pic>
        <p:nvPicPr>
          <p:cNvPr id="13" name="Bilde 12">
            <a:extLst>
              <a:ext uri="{FF2B5EF4-FFF2-40B4-BE49-F238E27FC236}">
                <a16:creationId xmlns:a16="http://schemas.microsoft.com/office/drawing/2014/main" id="{B52915FC-7FB9-734E-83EA-23EF63C465B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  <p:sp>
        <p:nvSpPr>
          <p:cNvPr id="17" name="Rektangel 16">
            <a:extLst>
              <a:ext uri="{FF2B5EF4-FFF2-40B4-BE49-F238E27FC236}">
                <a16:creationId xmlns:a16="http://schemas.microsoft.com/office/drawing/2014/main" id="{02F897AA-DBB5-8E4A-BBB8-2E9F565E194D}"/>
              </a:ext>
            </a:extLst>
          </p:cNvPr>
          <p:cNvSpPr/>
          <p:nvPr userDrawn="1"/>
        </p:nvSpPr>
        <p:spPr>
          <a:xfrm>
            <a:off x="0" y="1625670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D83E94D-AC64-B549-AD52-CE2D115342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10763" y="1703160"/>
            <a:ext cx="5067947" cy="1119156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4F198CC8-5076-C04B-A596-36B55CE6AE1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710763" y="2941372"/>
            <a:ext cx="5067947" cy="3504912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688600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nstrejustert bilde - hvi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5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6023113" cy="6858000"/>
          </a:xfrm>
          <a:noFill/>
        </p:spPr>
        <p:txBody>
          <a:bodyPr/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10763" y="1703160"/>
            <a:ext cx="5067947" cy="1119156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10763" y="2941372"/>
            <a:ext cx="5067947" cy="3504912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04254024-CD8A-1449-A4DF-57579E3C3BF2}"/>
              </a:ext>
            </a:extLst>
          </p:cNvPr>
          <p:cNvSpPr/>
          <p:nvPr userDrawn="1"/>
        </p:nvSpPr>
        <p:spPr>
          <a:xfrm>
            <a:off x="6023113" y="1625670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AA91182E-892B-424B-9E90-077598F99A0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93656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nstrejustert bilde - sand">
    <p:bg>
      <p:bgPr>
        <a:solidFill>
          <a:srgbClr val="F9F6F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5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6023113" cy="6858000"/>
          </a:xfrm>
          <a:noFill/>
        </p:spPr>
        <p:txBody>
          <a:bodyPr/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10763" y="1703160"/>
            <a:ext cx="5067947" cy="1119156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10763" y="2941372"/>
            <a:ext cx="5067947" cy="3504912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04254024-CD8A-1449-A4DF-57579E3C3BF2}"/>
              </a:ext>
            </a:extLst>
          </p:cNvPr>
          <p:cNvSpPr/>
          <p:nvPr userDrawn="1"/>
        </p:nvSpPr>
        <p:spPr>
          <a:xfrm>
            <a:off x="6023113" y="1625670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AA91182E-892B-424B-9E90-077598F99A0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6867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i bunn - hvi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5">
            <a:extLst>
              <a:ext uri="{FF2B5EF4-FFF2-40B4-BE49-F238E27FC236}">
                <a16:creationId xmlns:a16="http://schemas.microsoft.com/office/drawing/2014/main" id="{9765B05A-4E08-6340-AD25-E61688F0AFD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079331" y="3921936"/>
            <a:ext cx="6112669" cy="2936063"/>
          </a:xfrm>
        </p:spPr>
        <p:txBody>
          <a:bodyPr/>
          <a:lstStyle/>
          <a:p>
            <a:r>
              <a:rPr lang="nb-NO"/>
              <a:t>Klikk på ikonet for å legge til et bilde</a:t>
            </a:r>
          </a:p>
        </p:txBody>
      </p:sp>
      <p:sp>
        <p:nvSpPr>
          <p:cNvPr id="9" name="Plassholder for bilde 5">
            <a:extLst>
              <a:ext uri="{FF2B5EF4-FFF2-40B4-BE49-F238E27FC236}">
                <a16:creationId xmlns:a16="http://schemas.microsoft.com/office/drawing/2014/main" id="{2EC3B936-D79A-8143-941C-657981A4F24B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3921937"/>
            <a:ext cx="6079331" cy="2936062"/>
          </a:xfrm>
        </p:spPr>
        <p:txBody>
          <a:bodyPr/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0D8D396A-6252-794C-A826-E9B08AD1954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6000" y="1797101"/>
            <a:ext cx="11006400" cy="1849498"/>
          </a:xfrm>
        </p:spPr>
        <p:txBody>
          <a:bodyPr numCol="3" spcCol="288000">
            <a:normAutofit/>
          </a:bodyPr>
          <a:lstStyle>
            <a:lvl1pPr marL="0" indent="0">
              <a:buFontTx/>
              <a:buNone/>
              <a:defRPr sz="2000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C526625-AA06-3445-B9E2-644C0B930D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772732"/>
            <a:ext cx="9649825" cy="945878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2DD4F376-AA4D-8C48-BD88-87DE37311CC9}"/>
              </a:ext>
            </a:extLst>
          </p:cNvPr>
          <p:cNvSpPr/>
          <p:nvPr userDrawn="1"/>
        </p:nvSpPr>
        <p:spPr>
          <a:xfrm>
            <a:off x="0" y="637125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pic>
        <p:nvPicPr>
          <p:cNvPr id="16" name="Bilde 15">
            <a:extLst>
              <a:ext uri="{FF2B5EF4-FFF2-40B4-BE49-F238E27FC236}">
                <a16:creationId xmlns:a16="http://schemas.microsoft.com/office/drawing/2014/main" id="{2CE9274A-EB6A-694E-B8C2-C6F4FE98270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720612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i bunn - sand">
    <p:bg>
      <p:bgPr>
        <a:solidFill>
          <a:srgbClr val="F9F6F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5">
            <a:extLst>
              <a:ext uri="{FF2B5EF4-FFF2-40B4-BE49-F238E27FC236}">
                <a16:creationId xmlns:a16="http://schemas.microsoft.com/office/drawing/2014/main" id="{9765B05A-4E08-6340-AD25-E61688F0AFD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079331" y="3921936"/>
            <a:ext cx="6112669" cy="2936063"/>
          </a:xfrm>
        </p:spPr>
        <p:txBody>
          <a:bodyPr/>
          <a:lstStyle/>
          <a:p>
            <a:r>
              <a:rPr lang="nb-NO"/>
              <a:t>Klikk på ikonet for å legge til et bilde</a:t>
            </a:r>
          </a:p>
        </p:txBody>
      </p:sp>
      <p:sp>
        <p:nvSpPr>
          <p:cNvPr id="9" name="Plassholder for bilde 5">
            <a:extLst>
              <a:ext uri="{FF2B5EF4-FFF2-40B4-BE49-F238E27FC236}">
                <a16:creationId xmlns:a16="http://schemas.microsoft.com/office/drawing/2014/main" id="{2EC3B936-D79A-8143-941C-657981A4F24B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3921937"/>
            <a:ext cx="6079331" cy="2936062"/>
          </a:xfrm>
        </p:spPr>
        <p:txBody>
          <a:bodyPr/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0D8D396A-6252-794C-A826-E9B08AD1954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6000" y="1797101"/>
            <a:ext cx="11006400" cy="1849498"/>
          </a:xfrm>
        </p:spPr>
        <p:txBody>
          <a:bodyPr numCol="2" spcCol="288000">
            <a:normAutofit/>
          </a:bodyPr>
          <a:lstStyle>
            <a:lvl1pPr marL="0" indent="0">
              <a:buFontTx/>
              <a:buNone/>
              <a:defRPr sz="2000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C526625-AA06-3445-B9E2-644C0B930D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772732"/>
            <a:ext cx="9649825" cy="945878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2DD4F376-AA4D-8C48-BD88-87DE37311CC9}"/>
              </a:ext>
            </a:extLst>
          </p:cNvPr>
          <p:cNvSpPr/>
          <p:nvPr userDrawn="1"/>
        </p:nvSpPr>
        <p:spPr>
          <a:xfrm>
            <a:off x="0" y="637125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pic>
        <p:nvPicPr>
          <p:cNvPr id="16" name="Bilde 15">
            <a:extLst>
              <a:ext uri="{FF2B5EF4-FFF2-40B4-BE49-F238E27FC236}">
                <a16:creationId xmlns:a16="http://schemas.microsoft.com/office/drawing/2014/main" id="{2CE9274A-EB6A-694E-B8C2-C6F4FE98270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1652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tbilde">
    <p:bg>
      <p:bgPr>
        <a:solidFill>
          <a:srgbClr val="00066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e 3" descr="Et bilde som inneholder utendørs, himmel, fjell, dag&#10;&#10;Automatisk generert beskrivelse">
            <a:extLst>
              <a:ext uri="{FF2B5EF4-FFF2-40B4-BE49-F238E27FC236}">
                <a16:creationId xmlns:a16="http://schemas.microsoft.com/office/drawing/2014/main" id="{54B3D646-6291-C04C-BB76-3F5A17A9F05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964706" y="0"/>
            <a:ext cx="3227294" cy="685800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3418795" y="3520058"/>
            <a:ext cx="5380648" cy="1145990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 dirty="0"/>
              <a:t>Eventuelle andre budskap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3418795" y="2912865"/>
            <a:ext cx="5380648" cy="553998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l"/>
            <a:r>
              <a:rPr lang="nn-NO" sz="3000" b="1" dirty="0">
                <a:solidFill>
                  <a:srgbClr val="A9E5FB"/>
                </a:solidFill>
              </a:rPr>
              <a:t>Takk</a:t>
            </a:r>
            <a:r>
              <a:rPr lang="nn-NO" sz="3000" b="1" baseline="0" dirty="0">
                <a:solidFill>
                  <a:srgbClr val="A9E5FB"/>
                </a:solidFill>
              </a:rPr>
              <a:t> for </a:t>
            </a:r>
            <a:r>
              <a:rPr lang="nn-NO" sz="3000" b="1" baseline="0" dirty="0" err="1">
                <a:solidFill>
                  <a:srgbClr val="A9E5FB"/>
                </a:solidFill>
              </a:rPr>
              <a:t>oppmerksomheten</a:t>
            </a:r>
            <a:endParaRPr lang="en-US" sz="3000" b="1" dirty="0">
              <a:solidFill>
                <a:srgbClr val="A9E5FB"/>
              </a:solidFill>
            </a:endParaRPr>
          </a:p>
        </p:txBody>
      </p:sp>
      <p:pic>
        <p:nvPicPr>
          <p:cNvPr id="11" name="Picture 12">
            <a:extLst>
              <a:ext uri="{FF2B5EF4-FFF2-40B4-BE49-F238E27FC236}">
                <a16:creationId xmlns:a16="http://schemas.microsoft.com/office/drawing/2014/main" id="{35817511-53C1-A846-9392-7A6D093C9A7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0941" y="2627088"/>
            <a:ext cx="1869486" cy="1349991"/>
          </a:xfrm>
          <a:prstGeom prst="rect">
            <a:avLst/>
          </a:prstGeom>
        </p:spPr>
      </p:pic>
      <p:sp>
        <p:nvSpPr>
          <p:cNvPr id="19" name="TextBox 18"/>
          <p:cNvSpPr txBox="1"/>
          <p:nvPr userDrawn="1"/>
        </p:nvSpPr>
        <p:spPr>
          <a:xfrm>
            <a:off x="4306484" y="6182848"/>
            <a:ext cx="7719812" cy="40011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lvl="0" algn="r"/>
            <a:r>
              <a:rPr lang="nb-NO" sz="2000" b="0" dirty="0">
                <a:solidFill>
                  <a:schemeClr val="bg1"/>
                </a:solidFill>
              </a:rPr>
              <a:t>www.kystverket.no</a:t>
            </a:r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DFA60F0A-CC1F-024F-A6AA-1FAD0FE6F15C}"/>
              </a:ext>
            </a:extLst>
          </p:cNvPr>
          <p:cNvSpPr/>
          <p:nvPr userDrawn="1"/>
        </p:nvSpPr>
        <p:spPr>
          <a:xfrm>
            <a:off x="-1" y="2512858"/>
            <a:ext cx="236231" cy="1486042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100680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ark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0608DDB7-E69A-C540-9CD1-FF17BA691EB8}"/>
              </a:ext>
            </a:extLst>
          </p:cNvPr>
          <p:cNvSpPr/>
          <p:nvPr userDrawn="1"/>
        </p:nvSpPr>
        <p:spPr>
          <a:xfrm>
            <a:off x="-1" y="2512858"/>
            <a:ext cx="236231" cy="1486042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CCD17255-7280-0B42-8DAD-076CB0189AC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00" y="2525736"/>
            <a:ext cx="5631616" cy="1486041"/>
          </a:xfrm>
        </p:spPr>
        <p:txBody>
          <a:bodyPr>
            <a:normAutofit/>
          </a:bodyPr>
          <a:lstStyle>
            <a:lvl1pPr>
              <a:defRPr sz="3800" b="1">
                <a:solidFill>
                  <a:srgbClr val="000664"/>
                </a:solidFill>
              </a:defRPr>
            </a:lvl1pPr>
          </a:lstStyle>
          <a:p>
            <a:r>
              <a:rPr lang="nb-NO" dirty="0"/>
              <a:t>Klikk for å redigere tekst</a:t>
            </a:r>
            <a:endParaRPr lang="en-US" dirty="0"/>
          </a:p>
        </p:txBody>
      </p:sp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B7046CE0-999B-A048-8613-E4AC7C2FFBB8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916146" y="-33765"/>
            <a:ext cx="3306062" cy="6930403"/>
          </a:xfrm>
          <a:custGeom>
            <a:avLst/>
            <a:gdLst>
              <a:gd name="connsiteX0" fmla="*/ 2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 w 8950581"/>
              <a:gd name="connsiteY56" fmla="*/ 0 h 6858000"/>
              <a:gd name="connsiteX0" fmla="*/ 283337 w 8950581"/>
              <a:gd name="connsiteY0" fmla="*/ 0 h 6858000"/>
              <a:gd name="connsiteX1" fmla="*/ 8385544 w 8950581"/>
              <a:gd name="connsiteY1" fmla="*/ 17520 h 6858000"/>
              <a:gd name="connsiteX2" fmla="*/ 8152882 w 8950581"/>
              <a:gd name="connsiteY2" fmla="*/ 337376 h 6858000"/>
              <a:gd name="connsiteX3" fmla="*/ 8241515 w 8950581"/>
              <a:gd name="connsiteY3" fmla="*/ 546938 h 6858000"/>
              <a:gd name="connsiteX4" fmla="*/ 8429861 w 8950581"/>
              <a:gd name="connsiteY4" fmla="*/ 469731 h 6858000"/>
              <a:gd name="connsiteX5" fmla="*/ 8607127 w 8950581"/>
              <a:gd name="connsiteY5" fmla="*/ 149874 h 6858000"/>
              <a:gd name="connsiteX6" fmla="*/ 8629286 w 8950581"/>
              <a:gd name="connsiteY6" fmla="*/ 160903 h 6858000"/>
              <a:gd name="connsiteX7" fmla="*/ 8607127 w 8950581"/>
              <a:gd name="connsiteY7" fmla="*/ 414583 h 6858000"/>
              <a:gd name="connsiteX8" fmla="*/ 8740077 w 8950581"/>
              <a:gd name="connsiteY8" fmla="*/ 701351 h 6858000"/>
              <a:gd name="connsiteX9" fmla="*/ 8529573 w 8950581"/>
              <a:gd name="connsiteY9" fmla="*/ 1208710 h 6858000"/>
              <a:gd name="connsiteX10" fmla="*/ 8950581 w 8950581"/>
              <a:gd name="connsiteY10" fmla="*/ 1153562 h 6858000"/>
              <a:gd name="connsiteX11" fmla="*/ 8950581 w 8950581"/>
              <a:gd name="connsiteY11" fmla="*/ 1186651 h 6858000"/>
              <a:gd name="connsiteX12" fmla="*/ 8429861 w 8950581"/>
              <a:gd name="connsiteY12" fmla="*/ 1484449 h 6858000"/>
              <a:gd name="connsiteX13" fmla="*/ 8551731 w 8950581"/>
              <a:gd name="connsiteY13" fmla="*/ 1671951 h 6858000"/>
              <a:gd name="connsiteX14" fmla="*/ 8873027 w 8950581"/>
              <a:gd name="connsiteY14" fmla="*/ 1627834 h 6858000"/>
              <a:gd name="connsiteX15" fmla="*/ 8873027 w 8950581"/>
              <a:gd name="connsiteY15" fmla="*/ 1638863 h 6858000"/>
              <a:gd name="connsiteX16" fmla="*/ 8795473 w 8950581"/>
              <a:gd name="connsiteY16" fmla="*/ 2113133 h 6858000"/>
              <a:gd name="connsiteX17" fmla="*/ 8773315 w 8950581"/>
              <a:gd name="connsiteY17" fmla="*/ 2113133 h 6858000"/>
              <a:gd name="connsiteX18" fmla="*/ 8363385 w 8950581"/>
              <a:gd name="connsiteY18" fmla="*/ 1760187 h 6858000"/>
              <a:gd name="connsiteX19" fmla="*/ 8374465 w 8950581"/>
              <a:gd name="connsiteY19" fmla="*/ 2080045 h 6858000"/>
              <a:gd name="connsiteX20" fmla="*/ 8496335 w 8950581"/>
              <a:gd name="connsiteY20" fmla="*/ 2124162 h 6858000"/>
              <a:gd name="connsiteX21" fmla="*/ 8496335 w 8950581"/>
              <a:gd name="connsiteY21" fmla="*/ 2146222 h 6858000"/>
              <a:gd name="connsiteX22" fmla="*/ 8385544 w 8950581"/>
              <a:gd name="connsiteY22" fmla="*/ 2300635 h 6858000"/>
              <a:gd name="connsiteX23" fmla="*/ 8507414 w 8950581"/>
              <a:gd name="connsiteY23" fmla="*/ 2477109 h 6858000"/>
              <a:gd name="connsiteX24" fmla="*/ 8740077 w 8950581"/>
              <a:gd name="connsiteY24" fmla="*/ 2499167 h 6858000"/>
              <a:gd name="connsiteX25" fmla="*/ 8740077 w 8950581"/>
              <a:gd name="connsiteY25" fmla="*/ 2521226 h 6858000"/>
              <a:gd name="connsiteX26" fmla="*/ 8540652 w 8950581"/>
              <a:gd name="connsiteY26" fmla="*/ 2642551 h 6858000"/>
              <a:gd name="connsiteX27" fmla="*/ 8562810 w 8950581"/>
              <a:gd name="connsiteY27" fmla="*/ 3017556 h 6858000"/>
              <a:gd name="connsiteX28" fmla="*/ 8917343 w 8950581"/>
              <a:gd name="connsiteY28" fmla="*/ 2940349 h 6858000"/>
              <a:gd name="connsiteX29" fmla="*/ 8917343 w 8950581"/>
              <a:gd name="connsiteY29" fmla="*/ 2951379 h 6858000"/>
              <a:gd name="connsiteX30" fmla="*/ 8562810 w 8950581"/>
              <a:gd name="connsiteY30" fmla="*/ 3194029 h 6858000"/>
              <a:gd name="connsiteX31" fmla="*/ 8319070 w 8950581"/>
              <a:gd name="connsiteY31" fmla="*/ 3734477 h 6858000"/>
              <a:gd name="connsiteX32" fmla="*/ 8385544 w 8950581"/>
              <a:gd name="connsiteY32" fmla="*/ 4021244 h 6858000"/>
              <a:gd name="connsiteX33" fmla="*/ 8640365 w 8950581"/>
              <a:gd name="connsiteY33" fmla="*/ 4120510 h 6858000"/>
              <a:gd name="connsiteX34" fmla="*/ 8640365 w 8950581"/>
              <a:gd name="connsiteY34" fmla="*/ 4131539 h 6858000"/>
              <a:gd name="connsiteX35" fmla="*/ 8463098 w 8950581"/>
              <a:gd name="connsiteY35" fmla="*/ 4285954 h 6858000"/>
              <a:gd name="connsiteX36" fmla="*/ 8551731 w 8950581"/>
              <a:gd name="connsiteY36" fmla="*/ 4473456 h 6858000"/>
              <a:gd name="connsiteX37" fmla="*/ 8551731 w 8950581"/>
              <a:gd name="connsiteY37" fmla="*/ 4495515 h 6858000"/>
              <a:gd name="connsiteX38" fmla="*/ 8396623 w 8950581"/>
              <a:gd name="connsiteY38" fmla="*/ 4550663 h 6858000"/>
              <a:gd name="connsiteX39" fmla="*/ 8485257 w 8950581"/>
              <a:gd name="connsiteY39" fmla="*/ 4793313 h 6858000"/>
              <a:gd name="connsiteX40" fmla="*/ 8396623 w 8950581"/>
              <a:gd name="connsiteY40" fmla="*/ 4936696 h 6858000"/>
              <a:gd name="connsiteX41" fmla="*/ 8573890 w 8950581"/>
              <a:gd name="connsiteY41" fmla="*/ 5289642 h 6858000"/>
              <a:gd name="connsiteX42" fmla="*/ 8751156 w 8950581"/>
              <a:gd name="connsiteY42" fmla="*/ 5377878 h 6858000"/>
              <a:gd name="connsiteX43" fmla="*/ 8751156 w 8950581"/>
              <a:gd name="connsiteY43" fmla="*/ 5410967 h 6858000"/>
              <a:gd name="connsiteX44" fmla="*/ 8540652 w 8950581"/>
              <a:gd name="connsiteY44" fmla="*/ 5477144 h 6858000"/>
              <a:gd name="connsiteX45" fmla="*/ 8518494 w 8950581"/>
              <a:gd name="connsiteY45" fmla="*/ 5774942 h 6858000"/>
              <a:gd name="connsiteX46" fmla="*/ 8806552 w 8950581"/>
              <a:gd name="connsiteY46" fmla="*/ 5719795 h 6858000"/>
              <a:gd name="connsiteX47" fmla="*/ 8817631 w 8950581"/>
              <a:gd name="connsiteY47" fmla="*/ 5741853 h 6858000"/>
              <a:gd name="connsiteX48" fmla="*/ 8662523 w 8950581"/>
              <a:gd name="connsiteY48" fmla="*/ 5830090 h 6858000"/>
              <a:gd name="connsiteX49" fmla="*/ 8518494 w 8950581"/>
              <a:gd name="connsiteY49" fmla="*/ 6072740 h 6858000"/>
              <a:gd name="connsiteX50" fmla="*/ 8706839 w 8950581"/>
              <a:gd name="connsiteY50" fmla="*/ 6160977 h 6858000"/>
              <a:gd name="connsiteX51" fmla="*/ 8706839 w 8950581"/>
              <a:gd name="connsiteY51" fmla="*/ 6205095 h 6858000"/>
              <a:gd name="connsiteX52" fmla="*/ 8551731 w 8950581"/>
              <a:gd name="connsiteY52" fmla="*/ 6282301 h 6858000"/>
              <a:gd name="connsiteX53" fmla="*/ 8529573 w 8950581"/>
              <a:gd name="connsiteY53" fmla="*/ 6723483 h 6858000"/>
              <a:gd name="connsiteX54" fmla="*/ 8452019 w 8950581"/>
              <a:gd name="connsiteY54" fmla="*/ 6844808 h 6858000"/>
              <a:gd name="connsiteX55" fmla="*/ 0 w 8950581"/>
              <a:gd name="connsiteY55" fmla="*/ 6858000 h 6858000"/>
              <a:gd name="connsiteX56" fmla="*/ 283337 w 8950581"/>
              <a:gd name="connsiteY56" fmla="*/ 0 h 6858000"/>
              <a:gd name="connsiteX0" fmla="*/ 12881 w 8680125"/>
              <a:gd name="connsiteY0" fmla="*/ 0 h 6858000"/>
              <a:gd name="connsiteX1" fmla="*/ 8115088 w 8680125"/>
              <a:gd name="connsiteY1" fmla="*/ 17520 h 6858000"/>
              <a:gd name="connsiteX2" fmla="*/ 7882426 w 8680125"/>
              <a:gd name="connsiteY2" fmla="*/ 337376 h 6858000"/>
              <a:gd name="connsiteX3" fmla="*/ 7971059 w 8680125"/>
              <a:gd name="connsiteY3" fmla="*/ 546938 h 6858000"/>
              <a:gd name="connsiteX4" fmla="*/ 8159405 w 8680125"/>
              <a:gd name="connsiteY4" fmla="*/ 469731 h 6858000"/>
              <a:gd name="connsiteX5" fmla="*/ 8336671 w 8680125"/>
              <a:gd name="connsiteY5" fmla="*/ 149874 h 6858000"/>
              <a:gd name="connsiteX6" fmla="*/ 8358830 w 8680125"/>
              <a:gd name="connsiteY6" fmla="*/ 160903 h 6858000"/>
              <a:gd name="connsiteX7" fmla="*/ 8336671 w 8680125"/>
              <a:gd name="connsiteY7" fmla="*/ 414583 h 6858000"/>
              <a:gd name="connsiteX8" fmla="*/ 8469621 w 8680125"/>
              <a:gd name="connsiteY8" fmla="*/ 701351 h 6858000"/>
              <a:gd name="connsiteX9" fmla="*/ 8259117 w 8680125"/>
              <a:gd name="connsiteY9" fmla="*/ 1208710 h 6858000"/>
              <a:gd name="connsiteX10" fmla="*/ 8680125 w 8680125"/>
              <a:gd name="connsiteY10" fmla="*/ 1153562 h 6858000"/>
              <a:gd name="connsiteX11" fmla="*/ 8680125 w 8680125"/>
              <a:gd name="connsiteY11" fmla="*/ 1186651 h 6858000"/>
              <a:gd name="connsiteX12" fmla="*/ 8159405 w 8680125"/>
              <a:gd name="connsiteY12" fmla="*/ 1484449 h 6858000"/>
              <a:gd name="connsiteX13" fmla="*/ 8281275 w 8680125"/>
              <a:gd name="connsiteY13" fmla="*/ 1671951 h 6858000"/>
              <a:gd name="connsiteX14" fmla="*/ 8602571 w 8680125"/>
              <a:gd name="connsiteY14" fmla="*/ 1627834 h 6858000"/>
              <a:gd name="connsiteX15" fmla="*/ 8602571 w 8680125"/>
              <a:gd name="connsiteY15" fmla="*/ 1638863 h 6858000"/>
              <a:gd name="connsiteX16" fmla="*/ 8525017 w 8680125"/>
              <a:gd name="connsiteY16" fmla="*/ 2113133 h 6858000"/>
              <a:gd name="connsiteX17" fmla="*/ 8502859 w 8680125"/>
              <a:gd name="connsiteY17" fmla="*/ 2113133 h 6858000"/>
              <a:gd name="connsiteX18" fmla="*/ 8092929 w 8680125"/>
              <a:gd name="connsiteY18" fmla="*/ 1760187 h 6858000"/>
              <a:gd name="connsiteX19" fmla="*/ 8104009 w 8680125"/>
              <a:gd name="connsiteY19" fmla="*/ 2080045 h 6858000"/>
              <a:gd name="connsiteX20" fmla="*/ 8225879 w 8680125"/>
              <a:gd name="connsiteY20" fmla="*/ 2124162 h 6858000"/>
              <a:gd name="connsiteX21" fmla="*/ 8225879 w 8680125"/>
              <a:gd name="connsiteY21" fmla="*/ 2146222 h 6858000"/>
              <a:gd name="connsiteX22" fmla="*/ 8115088 w 8680125"/>
              <a:gd name="connsiteY22" fmla="*/ 2300635 h 6858000"/>
              <a:gd name="connsiteX23" fmla="*/ 8236958 w 8680125"/>
              <a:gd name="connsiteY23" fmla="*/ 2477109 h 6858000"/>
              <a:gd name="connsiteX24" fmla="*/ 8469621 w 8680125"/>
              <a:gd name="connsiteY24" fmla="*/ 2499167 h 6858000"/>
              <a:gd name="connsiteX25" fmla="*/ 8469621 w 8680125"/>
              <a:gd name="connsiteY25" fmla="*/ 2521226 h 6858000"/>
              <a:gd name="connsiteX26" fmla="*/ 8270196 w 8680125"/>
              <a:gd name="connsiteY26" fmla="*/ 2642551 h 6858000"/>
              <a:gd name="connsiteX27" fmla="*/ 8292354 w 8680125"/>
              <a:gd name="connsiteY27" fmla="*/ 3017556 h 6858000"/>
              <a:gd name="connsiteX28" fmla="*/ 8646887 w 8680125"/>
              <a:gd name="connsiteY28" fmla="*/ 2940349 h 6858000"/>
              <a:gd name="connsiteX29" fmla="*/ 8646887 w 8680125"/>
              <a:gd name="connsiteY29" fmla="*/ 2951379 h 6858000"/>
              <a:gd name="connsiteX30" fmla="*/ 8292354 w 8680125"/>
              <a:gd name="connsiteY30" fmla="*/ 3194029 h 6858000"/>
              <a:gd name="connsiteX31" fmla="*/ 8048614 w 8680125"/>
              <a:gd name="connsiteY31" fmla="*/ 3734477 h 6858000"/>
              <a:gd name="connsiteX32" fmla="*/ 8115088 w 8680125"/>
              <a:gd name="connsiteY32" fmla="*/ 4021244 h 6858000"/>
              <a:gd name="connsiteX33" fmla="*/ 8369909 w 8680125"/>
              <a:gd name="connsiteY33" fmla="*/ 4120510 h 6858000"/>
              <a:gd name="connsiteX34" fmla="*/ 8369909 w 8680125"/>
              <a:gd name="connsiteY34" fmla="*/ 4131539 h 6858000"/>
              <a:gd name="connsiteX35" fmla="*/ 8192642 w 8680125"/>
              <a:gd name="connsiteY35" fmla="*/ 4285954 h 6858000"/>
              <a:gd name="connsiteX36" fmla="*/ 8281275 w 8680125"/>
              <a:gd name="connsiteY36" fmla="*/ 4473456 h 6858000"/>
              <a:gd name="connsiteX37" fmla="*/ 8281275 w 8680125"/>
              <a:gd name="connsiteY37" fmla="*/ 4495515 h 6858000"/>
              <a:gd name="connsiteX38" fmla="*/ 8126167 w 8680125"/>
              <a:gd name="connsiteY38" fmla="*/ 4550663 h 6858000"/>
              <a:gd name="connsiteX39" fmla="*/ 8214801 w 8680125"/>
              <a:gd name="connsiteY39" fmla="*/ 4793313 h 6858000"/>
              <a:gd name="connsiteX40" fmla="*/ 8126167 w 8680125"/>
              <a:gd name="connsiteY40" fmla="*/ 4936696 h 6858000"/>
              <a:gd name="connsiteX41" fmla="*/ 8303434 w 8680125"/>
              <a:gd name="connsiteY41" fmla="*/ 5289642 h 6858000"/>
              <a:gd name="connsiteX42" fmla="*/ 8480700 w 8680125"/>
              <a:gd name="connsiteY42" fmla="*/ 5377878 h 6858000"/>
              <a:gd name="connsiteX43" fmla="*/ 8480700 w 8680125"/>
              <a:gd name="connsiteY43" fmla="*/ 5410967 h 6858000"/>
              <a:gd name="connsiteX44" fmla="*/ 8270196 w 8680125"/>
              <a:gd name="connsiteY44" fmla="*/ 5477144 h 6858000"/>
              <a:gd name="connsiteX45" fmla="*/ 8248038 w 8680125"/>
              <a:gd name="connsiteY45" fmla="*/ 5774942 h 6858000"/>
              <a:gd name="connsiteX46" fmla="*/ 8536096 w 8680125"/>
              <a:gd name="connsiteY46" fmla="*/ 5719795 h 6858000"/>
              <a:gd name="connsiteX47" fmla="*/ 8547175 w 8680125"/>
              <a:gd name="connsiteY47" fmla="*/ 5741853 h 6858000"/>
              <a:gd name="connsiteX48" fmla="*/ 8392067 w 8680125"/>
              <a:gd name="connsiteY48" fmla="*/ 5830090 h 6858000"/>
              <a:gd name="connsiteX49" fmla="*/ 8248038 w 8680125"/>
              <a:gd name="connsiteY49" fmla="*/ 6072740 h 6858000"/>
              <a:gd name="connsiteX50" fmla="*/ 8436383 w 8680125"/>
              <a:gd name="connsiteY50" fmla="*/ 6160977 h 6858000"/>
              <a:gd name="connsiteX51" fmla="*/ 8436383 w 8680125"/>
              <a:gd name="connsiteY51" fmla="*/ 6205095 h 6858000"/>
              <a:gd name="connsiteX52" fmla="*/ 8281275 w 8680125"/>
              <a:gd name="connsiteY52" fmla="*/ 6282301 h 6858000"/>
              <a:gd name="connsiteX53" fmla="*/ 8259117 w 8680125"/>
              <a:gd name="connsiteY53" fmla="*/ 6723483 h 6858000"/>
              <a:gd name="connsiteX54" fmla="*/ 8181563 w 8680125"/>
              <a:gd name="connsiteY54" fmla="*/ 6844808 h 6858000"/>
              <a:gd name="connsiteX55" fmla="*/ 0 w 8680125"/>
              <a:gd name="connsiteY55" fmla="*/ 6858000 h 6858000"/>
              <a:gd name="connsiteX56" fmla="*/ 12881 w 8680125"/>
              <a:gd name="connsiteY56" fmla="*/ 0 h 6858000"/>
              <a:gd name="connsiteX0" fmla="*/ 12142476 w 12142476"/>
              <a:gd name="connsiteY0" fmla="*/ 7904 h 6840480"/>
              <a:gd name="connsiteX1" fmla="*/ 8115088 w 12142476"/>
              <a:gd name="connsiteY1" fmla="*/ 0 h 6840480"/>
              <a:gd name="connsiteX2" fmla="*/ 7882426 w 12142476"/>
              <a:gd name="connsiteY2" fmla="*/ 319856 h 6840480"/>
              <a:gd name="connsiteX3" fmla="*/ 7971059 w 12142476"/>
              <a:gd name="connsiteY3" fmla="*/ 529418 h 6840480"/>
              <a:gd name="connsiteX4" fmla="*/ 8159405 w 12142476"/>
              <a:gd name="connsiteY4" fmla="*/ 452211 h 6840480"/>
              <a:gd name="connsiteX5" fmla="*/ 8336671 w 12142476"/>
              <a:gd name="connsiteY5" fmla="*/ 132354 h 6840480"/>
              <a:gd name="connsiteX6" fmla="*/ 8358830 w 12142476"/>
              <a:gd name="connsiteY6" fmla="*/ 143383 h 6840480"/>
              <a:gd name="connsiteX7" fmla="*/ 8336671 w 12142476"/>
              <a:gd name="connsiteY7" fmla="*/ 397063 h 6840480"/>
              <a:gd name="connsiteX8" fmla="*/ 8469621 w 12142476"/>
              <a:gd name="connsiteY8" fmla="*/ 683831 h 6840480"/>
              <a:gd name="connsiteX9" fmla="*/ 8259117 w 12142476"/>
              <a:gd name="connsiteY9" fmla="*/ 1191190 h 6840480"/>
              <a:gd name="connsiteX10" fmla="*/ 8680125 w 12142476"/>
              <a:gd name="connsiteY10" fmla="*/ 1136042 h 6840480"/>
              <a:gd name="connsiteX11" fmla="*/ 8680125 w 12142476"/>
              <a:gd name="connsiteY11" fmla="*/ 1169131 h 6840480"/>
              <a:gd name="connsiteX12" fmla="*/ 8159405 w 12142476"/>
              <a:gd name="connsiteY12" fmla="*/ 1466929 h 6840480"/>
              <a:gd name="connsiteX13" fmla="*/ 8281275 w 12142476"/>
              <a:gd name="connsiteY13" fmla="*/ 1654431 h 6840480"/>
              <a:gd name="connsiteX14" fmla="*/ 8602571 w 12142476"/>
              <a:gd name="connsiteY14" fmla="*/ 1610314 h 6840480"/>
              <a:gd name="connsiteX15" fmla="*/ 8602571 w 12142476"/>
              <a:gd name="connsiteY15" fmla="*/ 1621343 h 6840480"/>
              <a:gd name="connsiteX16" fmla="*/ 8525017 w 12142476"/>
              <a:gd name="connsiteY16" fmla="*/ 2095613 h 6840480"/>
              <a:gd name="connsiteX17" fmla="*/ 8502859 w 12142476"/>
              <a:gd name="connsiteY17" fmla="*/ 2095613 h 6840480"/>
              <a:gd name="connsiteX18" fmla="*/ 8092929 w 12142476"/>
              <a:gd name="connsiteY18" fmla="*/ 1742667 h 6840480"/>
              <a:gd name="connsiteX19" fmla="*/ 8104009 w 12142476"/>
              <a:gd name="connsiteY19" fmla="*/ 2062525 h 6840480"/>
              <a:gd name="connsiteX20" fmla="*/ 8225879 w 12142476"/>
              <a:gd name="connsiteY20" fmla="*/ 2106642 h 6840480"/>
              <a:gd name="connsiteX21" fmla="*/ 8225879 w 12142476"/>
              <a:gd name="connsiteY21" fmla="*/ 2128702 h 6840480"/>
              <a:gd name="connsiteX22" fmla="*/ 8115088 w 12142476"/>
              <a:gd name="connsiteY22" fmla="*/ 2283115 h 6840480"/>
              <a:gd name="connsiteX23" fmla="*/ 8236958 w 12142476"/>
              <a:gd name="connsiteY23" fmla="*/ 2459589 h 6840480"/>
              <a:gd name="connsiteX24" fmla="*/ 8469621 w 12142476"/>
              <a:gd name="connsiteY24" fmla="*/ 2481647 h 6840480"/>
              <a:gd name="connsiteX25" fmla="*/ 8469621 w 12142476"/>
              <a:gd name="connsiteY25" fmla="*/ 2503706 h 6840480"/>
              <a:gd name="connsiteX26" fmla="*/ 8270196 w 12142476"/>
              <a:gd name="connsiteY26" fmla="*/ 2625031 h 6840480"/>
              <a:gd name="connsiteX27" fmla="*/ 8292354 w 12142476"/>
              <a:gd name="connsiteY27" fmla="*/ 3000036 h 6840480"/>
              <a:gd name="connsiteX28" fmla="*/ 8646887 w 12142476"/>
              <a:gd name="connsiteY28" fmla="*/ 2922829 h 6840480"/>
              <a:gd name="connsiteX29" fmla="*/ 8646887 w 12142476"/>
              <a:gd name="connsiteY29" fmla="*/ 2933859 h 6840480"/>
              <a:gd name="connsiteX30" fmla="*/ 8292354 w 12142476"/>
              <a:gd name="connsiteY30" fmla="*/ 3176509 h 6840480"/>
              <a:gd name="connsiteX31" fmla="*/ 8048614 w 12142476"/>
              <a:gd name="connsiteY31" fmla="*/ 3716957 h 6840480"/>
              <a:gd name="connsiteX32" fmla="*/ 8115088 w 12142476"/>
              <a:gd name="connsiteY32" fmla="*/ 4003724 h 6840480"/>
              <a:gd name="connsiteX33" fmla="*/ 8369909 w 12142476"/>
              <a:gd name="connsiteY33" fmla="*/ 4102990 h 6840480"/>
              <a:gd name="connsiteX34" fmla="*/ 8369909 w 12142476"/>
              <a:gd name="connsiteY34" fmla="*/ 4114019 h 6840480"/>
              <a:gd name="connsiteX35" fmla="*/ 8192642 w 12142476"/>
              <a:gd name="connsiteY35" fmla="*/ 4268434 h 6840480"/>
              <a:gd name="connsiteX36" fmla="*/ 8281275 w 12142476"/>
              <a:gd name="connsiteY36" fmla="*/ 4455936 h 6840480"/>
              <a:gd name="connsiteX37" fmla="*/ 8281275 w 12142476"/>
              <a:gd name="connsiteY37" fmla="*/ 4477995 h 6840480"/>
              <a:gd name="connsiteX38" fmla="*/ 8126167 w 12142476"/>
              <a:gd name="connsiteY38" fmla="*/ 4533143 h 6840480"/>
              <a:gd name="connsiteX39" fmla="*/ 8214801 w 12142476"/>
              <a:gd name="connsiteY39" fmla="*/ 4775793 h 6840480"/>
              <a:gd name="connsiteX40" fmla="*/ 8126167 w 12142476"/>
              <a:gd name="connsiteY40" fmla="*/ 4919176 h 6840480"/>
              <a:gd name="connsiteX41" fmla="*/ 8303434 w 12142476"/>
              <a:gd name="connsiteY41" fmla="*/ 5272122 h 6840480"/>
              <a:gd name="connsiteX42" fmla="*/ 8480700 w 12142476"/>
              <a:gd name="connsiteY42" fmla="*/ 5360358 h 6840480"/>
              <a:gd name="connsiteX43" fmla="*/ 8480700 w 12142476"/>
              <a:gd name="connsiteY43" fmla="*/ 5393447 h 6840480"/>
              <a:gd name="connsiteX44" fmla="*/ 8270196 w 12142476"/>
              <a:gd name="connsiteY44" fmla="*/ 5459624 h 6840480"/>
              <a:gd name="connsiteX45" fmla="*/ 8248038 w 12142476"/>
              <a:gd name="connsiteY45" fmla="*/ 5757422 h 6840480"/>
              <a:gd name="connsiteX46" fmla="*/ 8536096 w 12142476"/>
              <a:gd name="connsiteY46" fmla="*/ 5702275 h 6840480"/>
              <a:gd name="connsiteX47" fmla="*/ 8547175 w 12142476"/>
              <a:gd name="connsiteY47" fmla="*/ 5724333 h 6840480"/>
              <a:gd name="connsiteX48" fmla="*/ 8392067 w 12142476"/>
              <a:gd name="connsiteY48" fmla="*/ 5812570 h 6840480"/>
              <a:gd name="connsiteX49" fmla="*/ 8248038 w 12142476"/>
              <a:gd name="connsiteY49" fmla="*/ 6055220 h 6840480"/>
              <a:gd name="connsiteX50" fmla="*/ 8436383 w 12142476"/>
              <a:gd name="connsiteY50" fmla="*/ 6143457 h 6840480"/>
              <a:gd name="connsiteX51" fmla="*/ 8436383 w 12142476"/>
              <a:gd name="connsiteY51" fmla="*/ 6187575 h 6840480"/>
              <a:gd name="connsiteX52" fmla="*/ 8281275 w 12142476"/>
              <a:gd name="connsiteY52" fmla="*/ 6264781 h 6840480"/>
              <a:gd name="connsiteX53" fmla="*/ 8259117 w 12142476"/>
              <a:gd name="connsiteY53" fmla="*/ 6705963 h 6840480"/>
              <a:gd name="connsiteX54" fmla="*/ 8181563 w 12142476"/>
              <a:gd name="connsiteY54" fmla="*/ 6827288 h 6840480"/>
              <a:gd name="connsiteX55" fmla="*/ 0 w 12142476"/>
              <a:gd name="connsiteY55" fmla="*/ 6840480 h 6840480"/>
              <a:gd name="connsiteX56" fmla="*/ 12142476 w 12142476"/>
              <a:gd name="connsiteY56" fmla="*/ 7904 h 6840480"/>
              <a:gd name="connsiteX0" fmla="*/ 4260050 w 4260050"/>
              <a:gd name="connsiteY0" fmla="*/ 7904 h 6840480"/>
              <a:gd name="connsiteX1" fmla="*/ 232662 w 4260050"/>
              <a:gd name="connsiteY1" fmla="*/ 0 h 6840480"/>
              <a:gd name="connsiteX2" fmla="*/ 0 w 4260050"/>
              <a:gd name="connsiteY2" fmla="*/ 319856 h 6840480"/>
              <a:gd name="connsiteX3" fmla="*/ 88633 w 4260050"/>
              <a:gd name="connsiteY3" fmla="*/ 529418 h 6840480"/>
              <a:gd name="connsiteX4" fmla="*/ 276979 w 4260050"/>
              <a:gd name="connsiteY4" fmla="*/ 452211 h 6840480"/>
              <a:gd name="connsiteX5" fmla="*/ 454245 w 4260050"/>
              <a:gd name="connsiteY5" fmla="*/ 132354 h 6840480"/>
              <a:gd name="connsiteX6" fmla="*/ 476404 w 4260050"/>
              <a:gd name="connsiteY6" fmla="*/ 143383 h 6840480"/>
              <a:gd name="connsiteX7" fmla="*/ 454245 w 4260050"/>
              <a:gd name="connsiteY7" fmla="*/ 397063 h 6840480"/>
              <a:gd name="connsiteX8" fmla="*/ 587195 w 4260050"/>
              <a:gd name="connsiteY8" fmla="*/ 683831 h 6840480"/>
              <a:gd name="connsiteX9" fmla="*/ 376691 w 4260050"/>
              <a:gd name="connsiteY9" fmla="*/ 1191190 h 6840480"/>
              <a:gd name="connsiteX10" fmla="*/ 797699 w 4260050"/>
              <a:gd name="connsiteY10" fmla="*/ 1136042 h 6840480"/>
              <a:gd name="connsiteX11" fmla="*/ 797699 w 4260050"/>
              <a:gd name="connsiteY11" fmla="*/ 1169131 h 6840480"/>
              <a:gd name="connsiteX12" fmla="*/ 276979 w 4260050"/>
              <a:gd name="connsiteY12" fmla="*/ 1466929 h 6840480"/>
              <a:gd name="connsiteX13" fmla="*/ 398849 w 4260050"/>
              <a:gd name="connsiteY13" fmla="*/ 1654431 h 6840480"/>
              <a:gd name="connsiteX14" fmla="*/ 720145 w 4260050"/>
              <a:gd name="connsiteY14" fmla="*/ 1610314 h 6840480"/>
              <a:gd name="connsiteX15" fmla="*/ 720145 w 4260050"/>
              <a:gd name="connsiteY15" fmla="*/ 1621343 h 6840480"/>
              <a:gd name="connsiteX16" fmla="*/ 642591 w 4260050"/>
              <a:gd name="connsiteY16" fmla="*/ 2095613 h 6840480"/>
              <a:gd name="connsiteX17" fmla="*/ 620433 w 4260050"/>
              <a:gd name="connsiteY17" fmla="*/ 2095613 h 6840480"/>
              <a:gd name="connsiteX18" fmla="*/ 210503 w 4260050"/>
              <a:gd name="connsiteY18" fmla="*/ 1742667 h 6840480"/>
              <a:gd name="connsiteX19" fmla="*/ 221583 w 4260050"/>
              <a:gd name="connsiteY19" fmla="*/ 2062525 h 6840480"/>
              <a:gd name="connsiteX20" fmla="*/ 343453 w 4260050"/>
              <a:gd name="connsiteY20" fmla="*/ 2106642 h 6840480"/>
              <a:gd name="connsiteX21" fmla="*/ 343453 w 4260050"/>
              <a:gd name="connsiteY21" fmla="*/ 2128702 h 6840480"/>
              <a:gd name="connsiteX22" fmla="*/ 232662 w 4260050"/>
              <a:gd name="connsiteY22" fmla="*/ 2283115 h 6840480"/>
              <a:gd name="connsiteX23" fmla="*/ 354532 w 4260050"/>
              <a:gd name="connsiteY23" fmla="*/ 2459589 h 6840480"/>
              <a:gd name="connsiteX24" fmla="*/ 587195 w 4260050"/>
              <a:gd name="connsiteY24" fmla="*/ 2481647 h 6840480"/>
              <a:gd name="connsiteX25" fmla="*/ 587195 w 4260050"/>
              <a:gd name="connsiteY25" fmla="*/ 2503706 h 6840480"/>
              <a:gd name="connsiteX26" fmla="*/ 387770 w 4260050"/>
              <a:gd name="connsiteY26" fmla="*/ 2625031 h 6840480"/>
              <a:gd name="connsiteX27" fmla="*/ 409928 w 4260050"/>
              <a:gd name="connsiteY27" fmla="*/ 3000036 h 6840480"/>
              <a:gd name="connsiteX28" fmla="*/ 764461 w 4260050"/>
              <a:gd name="connsiteY28" fmla="*/ 2922829 h 6840480"/>
              <a:gd name="connsiteX29" fmla="*/ 764461 w 4260050"/>
              <a:gd name="connsiteY29" fmla="*/ 2933859 h 6840480"/>
              <a:gd name="connsiteX30" fmla="*/ 409928 w 4260050"/>
              <a:gd name="connsiteY30" fmla="*/ 3176509 h 6840480"/>
              <a:gd name="connsiteX31" fmla="*/ 166188 w 4260050"/>
              <a:gd name="connsiteY31" fmla="*/ 3716957 h 6840480"/>
              <a:gd name="connsiteX32" fmla="*/ 232662 w 4260050"/>
              <a:gd name="connsiteY32" fmla="*/ 4003724 h 6840480"/>
              <a:gd name="connsiteX33" fmla="*/ 487483 w 4260050"/>
              <a:gd name="connsiteY33" fmla="*/ 4102990 h 6840480"/>
              <a:gd name="connsiteX34" fmla="*/ 487483 w 4260050"/>
              <a:gd name="connsiteY34" fmla="*/ 4114019 h 6840480"/>
              <a:gd name="connsiteX35" fmla="*/ 310216 w 4260050"/>
              <a:gd name="connsiteY35" fmla="*/ 4268434 h 6840480"/>
              <a:gd name="connsiteX36" fmla="*/ 398849 w 4260050"/>
              <a:gd name="connsiteY36" fmla="*/ 4455936 h 6840480"/>
              <a:gd name="connsiteX37" fmla="*/ 398849 w 4260050"/>
              <a:gd name="connsiteY37" fmla="*/ 4477995 h 6840480"/>
              <a:gd name="connsiteX38" fmla="*/ 243741 w 4260050"/>
              <a:gd name="connsiteY38" fmla="*/ 4533143 h 6840480"/>
              <a:gd name="connsiteX39" fmla="*/ 332375 w 4260050"/>
              <a:gd name="connsiteY39" fmla="*/ 4775793 h 6840480"/>
              <a:gd name="connsiteX40" fmla="*/ 243741 w 4260050"/>
              <a:gd name="connsiteY40" fmla="*/ 4919176 h 6840480"/>
              <a:gd name="connsiteX41" fmla="*/ 421008 w 4260050"/>
              <a:gd name="connsiteY41" fmla="*/ 5272122 h 6840480"/>
              <a:gd name="connsiteX42" fmla="*/ 598274 w 4260050"/>
              <a:gd name="connsiteY42" fmla="*/ 5360358 h 6840480"/>
              <a:gd name="connsiteX43" fmla="*/ 598274 w 4260050"/>
              <a:gd name="connsiteY43" fmla="*/ 5393447 h 6840480"/>
              <a:gd name="connsiteX44" fmla="*/ 387770 w 4260050"/>
              <a:gd name="connsiteY44" fmla="*/ 5459624 h 6840480"/>
              <a:gd name="connsiteX45" fmla="*/ 365612 w 4260050"/>
              <a:gd name="connsiteY45" fmla="*/ 5757422 h 6840480"/>
              <a:gd name="connsiteX46" fmla="*/ 653670 w 4260050"/>
              <a:gd name="connsiteY46" fmla="*/ 5702275 h 6840480"/>
              <a:gd name="connsiteX47" fmla="*/ 664749 w 4260050"/>
              <a:gd name="connsiteY47" fmla="*/ 5724333 h 6840480"/>
              <a:gd name="connsiteX48" fmla="*/ 509641 w 4260050"/>
              <a:gd name="connsiteY48" fmla="*/ 5812570 h 6840480"/>
              <a:gd name="connsiteX49" fmla="*/ 365612 w 4260050"/>
              <a:gd name="connsiteY49" fmla="*/ 6055220 h 6840480"/>
              <a:gd name="connsiteX50" fmla="*/ 553957 w 4260050"/>
              <a:gd name="connsiteY50" fmla="*/ 6143457 h 6840480"/>
              <a:gd name="connsiteX51" fmla="*/ 553957 w 4260050"/>
              <a:gd name="connsiteY51" fmla="*/ 6187575 h 6840480"/>
              <a:gd name="connsiteX52" fmla="*/ 398849 w 4260050"/>
              <a:gd name="connsiteY52" fmla="*/ 6264781 h 6840480"/>
              <a:gd name="connsiteX53" fmla="*/ 376691 w 4260050"/>
              <a:gd name="connsiteY53" fmla="*/ 6705963 h 6840480"/>
              <a:gd name="connsiteX54" fmla="*/ 299137 w 4260050"/>
              <a:gd name="connsiteY54" fmla="*/ 6827288 h 6840480"/>
              <a:gd name="connsiteX55" fmla="*/ 4247170 w 4260050"/>
              <a:gd name="connsiteY55" fmla="*/ 6840480 h 6840480"/>
              <a:gd name="connsiteX56" fmla="*/ 4260050 w 4260050"/>
              <a:gd name="connsiteY56" fmla="*/ 7904 h 6840480"/>
              <a:gd name="connsiteX0" fmla="*/ 3267282 w 4247170"/>
              <a:gd name="connsiteY0" fmla="*/ 7904 h 6840480"/>
              <a:gd name="connsiteX1" fmla="*/ 232662 w 4247170"/>
              <a:gd name="connsiteY1" fmla="*/ 0 h 6840480"/>
              <a:gd name="connsiteX2" fmla="*/ 0 w 4247170"/>
              <a:gd name="connsiteY2" fmla="*/ 319856 h 6840480"/>
              <a:gd name="connsiteX3" fmla="*/ 88633 w 4247170"/>
              <a:gd name="connsiteY3" fmla="*/ 529418 h 6840480"/>
              <a:gd name="connsiteX4" fmla="*/ 276979 w 4247170"/>
              <a:gd name="connsiteY4" fmla="*/ 452211 h 6840480"/>
              <a:gd name="connsiteX5" fmla="*/ 454245 w 4247170"/>
              <a:gd name="connsiteY5" fmla="*/ 132354 h 6840480"/>
              <a:gd name="connsiteX6" fmla="*/ 476404 w 4247170"/>
              <a:gd name="connsiteY6" fmla="*/ 143383 h 6840480"/>
              <a:gd name="connsiteX7" fmla="*/ 454245 w 4247170"/>
              <a:gd name="connsiteY7" fmla="*/ 397063 h 6840480"/>
              <a:gd name="connsiteX8" fmla="*/ 587195 w 4247170"/>
              <a:gd name="connsiteY8" fmla="*/ 683831 h 6840480"/>
              <a:gd name="connsiteX9" fmla="*/ 376691 w 4247170"/>
              <a:gd name="connsiteY9" fmla="*/ 1191190 h 6840480"/>
              <a:gd name="connsiteX10" fmla="*/ 797699 w 4247170"/>
              <a:gd name="connsiteY10" fmla="*/ 1136042 h 6840480"/>
              <a:gd name="connsiteX11" fmla="*/ 797699 w 4247170"/>
              <a:gd name="connsiteY11" fmla="*/ 1169131 h 6840480"/>
              <a:gd name="connsiteX12" fmla="*/ 276979 w 4247170"/>
              <a:gd name="connsiteY12" fmla="*/ 1466929 h 6840480"/>
              <a:gd name="connsiteX13" fmla="*/ 398849 w 4247170"/>
              <a:gd name="connsiteY13" fmla="*/ 1654431 h 6840480"/>
              <a:gd name="connsiteX14" fmla="*/ 720145 w 4247170"/>
              <a:gd name="connsiteY14" fmla="*/ 1610314 h 6840480"/>
              <a:gd name="connsiteX15" fmla="*/ 720145 w 4247170"/>
              <a:gd name="connsiteY15" fmla="*/ 1621343 h 6840480"/>
              <a:gd name="connsiteX16" fmla="*/ 642591 w 4247170"/>
              <a:gd name="connsiteY16" fmla="*/ 2095613 h 6840480"/>
              <a:gd name="connsiteX17" fmla="*/ 620433 w 4247170"/>
              <a:gd name="connsiteY17" fmla="*/ 2095613 h 6840480"/>
              <a:gd name="connsiteX18" fmla="*/ 210503 w 4247170"/>
              <a:gd name="connsiteY18" fmla="*/ 1742667 h 6840480"/>
              <a:gd name="connsiteX19" fmla="*/ 221583 w 4247170"/>
              <a:gd name="connsiteY19" fmla="*/ 2062525 h 6840480"/>
              <a:gd name="connsiteX20" fmla="*/ 343453 w 4247170"/>
              <a:gd name="connsiteY20" fmla="*/ 2106642 h 6840480"/>
              <a:gd name="connsiteX21" fmla="*/ 343453 w 4247170"/>
              <a:gd name="connsiteY21" fmla="*/ 2128702 h 6840480"/>
              <a:gd name="connsiteX22" fmla="*/ 232662 w 4247170"/>
              <a:gd name="connsiteY22" fmla="*/ 2283115 h 6840480"/>
              <a:gd name="connsiteX23" fmla="*/ 354532 w 4247170"/>
              <a:gd name="connsiteY23" fmla="*/ 2459589 h 6840480"/>
              <a:gd name="connsiteX24" fmla="*/ 587195 w 4247170"/>
              <a:gd name="connsiteY24" fmla="*/ 2481647 h 6840480"/>
              <a:gd name="connsiteX25" fmla="*/ 587195 w 4247170"/>
              <a:gd name="connsiteY25" fmla="*/ 2503706 h 6840480"/>
              <a:gd name="connsiteX26" fmla="*/ 387770 w 4247170"/>
              <a:gd name="connsiteY26" fmla="*/ 2625031 h 6840480"/>
              <a:gd name="connsiteX27" fmla="*/ 409928 w 4247170"/>
              <a:gd name="connsiteY27" fmla="*/ 3000036 h 6840480"/>
              <a:gd name="connsiteX28" fmla="*/ 764461 w 4247170"/>
              <a:gd name="connsiteY28" fmla="*/ 2922829 h 6840480"/>
              <a:gd name="connsiteX29" fmla="*/ 764461 w 4247170"/>
              <a:gd name="connsiteY29" fmla="*/ 2933859 h 6840480"/>
              <a:gd name="connsiteX30" fmla="*/ 409928 w 4247170"/>
              <a:gd name="connsiteY30" fmla="*/ 3176509 h 6840480"/>
              <a:gd name="connsiteX31" fmla="*/ 166188 w 4247170"/>
              <a:gd name="connsiteY31" fmla="*/ 3716957 h 6840480"/>
              <a:gd name="connsiteX32" fmla="*/ 232662 w 4247170"/>
              <a:gd name="connsiteY32" fmla="*/ 4003724 h 6840480"/>
              <a:gd name="connsiteX33" fmla="*/ 487483 w 4247170"/>
              <a:gd name="connsiteY33" fmla="*/ 4102990 h 6840480"/>
              <a:gd name="connsiteX34" fmla="*/ 487483 w 4247170"/>
              <a:gd name="connsiteY34" fmla="*/ 4114019 h 6840480"/>
              <a:gd name="connsiteX35" fmla="*/ 310216 w 4247170"/>
              <a:gd name="connsiteY35" fmla="*/ 4268434 h 6840480"/>
              <a:gd name="connsiteX36" fmla="*/ 398849 w 4247170"/>
              <a:gd name="connsiteY36" fmla="*/ 4455936 h 6840480"/>
              <a:gd name="connsiteX37" fmla="*/ 398849 w 4247170"/>
              <a:gd name="connsiteY37" fmla="*/ 4477995 h 6840480"/>
              <a:gd name="connsiteX38" fmla="*/ 243741 w 4247170"/>
              <a:gd name="connsiteY38" fmla="*/ 4533143 h 6840480"/>
              <a:gd name="connsiteX39" fmla="*/ 332375 w 4247170"/>
              <a:gd name="connsiteY39" fmla="*/ 4775793 h 6840480"/>
              <a:gd name="connsiteX40" fmla="*/ 243741 w 4247170"/>
              <a:gd name="connsiteY40" fmla="*/ 4919176 h 6840480"/>
              <a:gd name="connsiteX41" fmla="*/ 421008 w 4247170"/>
              <a:gd name="connsiteY41" fmla="*/ 5272122 h 6840480"/>
              <a:gd name="connsiteX42" fmla="*/ 598274 w 4247170"/>
              <a:gd name="connsiteY42" fmla="*/ 5360358 h 6840480"/>
              <a:gd name="connsiteX43" fmla="*/ 598274 w 4247170"/>
              <a:gd name="connsiteY43" fmla="*/ 5393447 h 6840480"/>
              <a:gd name="connsiteX44" fmla="*/ 387770 w 4247170"/>
              <a:gd name="connsiteY44" fmla="*/ 5459624 h 6840480"/>
              <a:gd name="connsiteX45" fmla="*/ 365612 w 4247170"/>
              <a:gd name="connsiteY45" fmla="*/ 5757422 h 6840480"/>
              <a:gd name="connsiteX46" fmla="*/ 653670 w 4247170"/>
              <a:gd name="connsiteY46" fmla="*/ 5702275 h 6840480"/>
              <a:gd name="connsiteX47" fmla="*/ 664749 w 4247170"/>
              <a:gd name="connsiteY47" fmla="*/ 5724333 h 6840480"/>
              <a:gd name="connsiteX48" fmla="*/ 509641 w 4247170"/>
              <a:gd name="connsiteY48" fmla="*/ 5812570 h 6840480"/>
              <a:gd name="connsiteX49" fmla="*/ 365612 w 4247170"/>
              <a:gd name="connsiteY49" fmla="*/ 6055220 h 6840480"/>
              <a:gd name="connsiteX50" fmla="*/ 553957 w 4247170"/>
              <a:gd name="connsiteY50" fmla="*/ 6143457 h 6840480"/>
              <a:gd name="connsiteX51" fmla="*/ 553957 w 4247170"/>
              <a:gd name="connsiteY51" fmla="*/ 6187575 h 6840480"/>
              <a:gd name="connsiteX52" fmla="*/ 398849 w 4247170"/>
              <a:gd name="connsiteY52" fmla="*/ 6264781 h 6840480"/>
              <a:gd name="connsiteX53" fmla="*/ 376691 w 4247170"/>
              <a:gd name="connsiteY53" fmla="*/ 6705963 h 6840480"/>
              <a:gd name="connsiteX54" fmla="*/ 299137 w 4247170"/>
              <a:gd name="connsiteY54" fmla="*/ 6827288 h 6840480"/>
              <a:gd name="connsiteX55" fmla="*/ 4247170 w 4247170"/>
              <a:gd name="connsiteY55" fmla="*/ 6840480 h 6840480"/>
              <a:gd name="connsiteX56" fmla="*/ 3267282 w 4247170"/>
              <a:gd name="connsiteY56" fmla="*/ 7904 h 6840480"/>
              <a:gd name="connsiteX0" fmla="*/ 3267282 w 3267282"/>
              <a:gd name="connsiteY0" fmla="*/ 7904 h 6840480"/>
              <a:gd name="connsiteX1" fmla="*/ 232662 w 3267282"/>
              <a:gd name="connsiteY1" fmla="*/ 0 h 6840480"/>
              <a:gd name="connsiteX2" fmla="*/ 0 w 3267282"/>
              <a:gd name="connsiteY2" fmla="*/ 319856 h 6840480"/>
              <a:gd name="connsiteX3" fmla="*/ 88633 w 3267282"/>
              <a:gd name="connsiteY3" fmla="*/ 529418 h 6840480"/>
              <a:gd name="connsiteX4" fmla="*/ 276979 w 3267282"/>
              <a:gd name="connsiteY4" fmla="*/ 452211 h 6840480"/>
              <a:gd name="connsiteX5" fmla="*/ 454245 w 3267282"/>
              <a:gd name="connsiteY5" fmla="*/ 132354 h 6840480"/>
              <a:gd name="connsiteX6" fmla="*/ 476404 w 3267282"/>
              <a:gd name="connsiteY6" fmla="*/ 143383 h 6840480"/>
              <a:gd name="connsiteX7" fmla="*/ 454245 w 3267282"/>
              <a:gd name="connsiteY7" fmla="*/ 397063 h 6840480"/>
              <a:gd name="connsiteX8" fmla="*/ 587195 w 3267282"/>
              <a:gd name="connsiteY8" fmla="*/ 683831 h 6840480"/>
              <a:gd name="connsiteX9" fmla="*/ 376691 w 3267282"/>
              <a:gd name="connsiteY9" fmla="*/ 1191190 h 6840480"/>
              <a:gd name="connsiteX10" fmla="*/ 797699 w 3267282"/>
              <a:gd name="connsiteY10" fmla="*/ 1136042 h 6840480"/>
              <a:gd name="connsiteX11" fmla="*/ 797699 w 3267282"/>
              <a:gd name="connsiteY11" fmla="*/ 1169131 h 6840480"/>
              <a:gd name="connsiteX12" fmla="*/ 276979 w 3267282"/>
              <a:gd name="connsiteY12" fmla="*/ 1466929 h 6840480"/>
              <a:gd name="connsiteX13" fmla="*/ 398849 w 3267282"/>
              <a:gd name="connsiteY13" fmla="*/ 1654431 h 6840480"/>
              <a:gd name="connsiteX14" fmla="*/ 720145 w 3267282"/>
              <a:gd name="connsiteY14" fmla="*/ 1610314 h 6840480"/>
              <a:gd name="connsiteX15" fmla="*/ 720145 w 3267282"/>
              <a:gd name="connsiteY15" fmla="*/ 1621343 h 6840480"/>
              <a:gd name="connsiteX16" fmla="*/ 642591 w 3267282"/>
              <a:gd name="connsiteY16" fmla="*/ 2095613 h 6840480"/>
              <a:gd name="connsiteX17" fmla="*/ 620433 w 3267282"/>
              <a:gd name="connsiteY17" fmla="*/ 2095613 h 6840480"/>
              <a:gd name="connsiteX18" fmla="*/ 210503 w 3267282"/>
              <a:gd name="connsiteY18" fmla="*/ 1742667 h 6840480"/>
              <a:gd name="connsiteX19" fmla="*/ 221583 w 3267282"/>
              <a:gd name="connsiteY19" fmla="*/ 2062525 h 6840480"/>
              <a:gd name="connsiteX20" fmla="*/ 343453 w 3267282"/>
              <a:gd name="connsiteY20" fmla="*/ 2106642 h 6840480"/>
              <a:gd name="connsiteX21" fmla="*/ 343453 w 3267282"/>
              <a:gd name="connsiteY21" fmla="*/ 2128702 h 6840480"/>
              <a:gd name="connsiteX22" fmla="*/ 232662 w 3267282"/>
              <a:gd name="connsiteY22" fmla="*/ 2283115 h 6840480"/>
              <a:gd name="connsiteX23" fmla="*/ 354532 w 3267282"/>
              <a:gd name="connsiteY23" fmla="*/ 2459589 h 6840480"/>
              <a:gd name="connsiteX24" fmla="*/ 587195 w 3267282"/>
              <a:gd name="connsiteY24" fmla="*/ 2481647 h 6840480"/>
              <a:gd name="connsiteX25" fmla="*/ 587195 w 3267282"/>
              <a:gd name="connsiteY25" fmla="*/ 2503706 h 6840480"/>
              <a:gd name="connsiteX26" fmla="*/ 387770 w 3267282"/>
              <a:gd name="connsiteY26" fmla="*/ 2625031 h 6840480"/>
              <a:gd name="connsiteX27" fmla="*/ 409928 w 3267282"/>
              <a:gd name="connsiteY27" fmla="*/ 3000036 h 6840480"/>
              <a:gd name="connsiteX28" fmla="*/ 764461 w 3267282"/>
              <a:gd name="connsiteY28" fmla="*/ 2922829 h 6840480"/>
              <a:gd name="connsiteX29" fmla="*/ 764461 w 3267282"/>
              <a:gd name="connsiteY29" fmla="*/ 2933859 h 6840480"/>
              <a:gd name="connsiteX30" fmla="*/ 409928 w 3267282"/>
              <a:gd name="connsiteY30" fmla="*/ 3176509 h 6840480"/>
              <a:gd name="connsiteX31" fmla="*/ 166188 w 3267282"/>
              <a:gd name="connsiteY31" fmla="*/ 3716957 h 6840480"/>
              <a:gd name="connsiteX32" fmla="*/ 232662 w 3267282"/>
              <a:gd name="connsiteY32" fmla="*/ 4003724 h 6840480"/>
              <a:gd name="connsiteX33" fmla="*/ 487483 w 3267282"/>
              <a:gd name="connsiteY33" fmla="*/ 4102990 h 6840480"/>
              <a:gd name="connsiteX34" fmla="*/ 487483 w 3267282"/>
              <a:gd name="connsiteY34" fmla="*/ 4114019 h 6840480"/>
              <a:gd name="connsiteX35" fmla="*/ 310216 w 3267282"/>
              <a:gd name="connsiteY35" fmla="*/ 4268434 h 6840480"/>
              <a:gd name="connsiteX36" fmla="*/ 398849 w 3267282"/>
              <a:gd name="connsiteY36" fmla="*/ 4455936 h 6840480"/>
              <a:gd name="connsiteX37" fmla="*/ 398849 w 3267282"/>
              <a:gd name="connsiteY37" fmla="*/ 4477995 h 6840480"/>
              <a:gd name="connsiteX38" fmla="*/ 243741 w 3267282"/>
              <a:gd name="connsiteY38" fmla="*/ 4533143 h 6840480"/>
              <a:gd name="connsiteX39" fmla="*/ 332375 w 3267282"/>
              <a:gd name="connsiteY39" fmla="*/ 4775793 h 6840480"/>
              <a:gd name="connsiteX40" fmla="*/ 243741 w 3267282"/>
              <a:gd name="connsiteY40" fmla="*/ 4919176 h 6840480"/>
              <a:gd name="connsiteX41" fmla="*/ 421008 w 3267282"/>
              <a:gd name="connsiteY41" fmla="*/ 5272122 h 6840480"/>
              <a:gd name="connsiteX42" fmla="*/ 598274 w 3267282"/>
              <a:gd name="connsiteY42" fmla="*/ 5360358 h 6840480"/>
              <a:gd name="connsiteX43" fmla="*/ 598274 w 3267282"/>
              <a:gd name="connsiteY43" fmla="*/ 5393447 h 6840480"/>
              <a:gd name="connsiteX44" fmla="*/ 387770 w 3267282"/>
              <a:gd name="connsiteY44" fmla="*/ 5459624 h 6840480"/>
              <a:gd name="connsiteX45" fmla="*/ 365612 w 3267282"/>
              <a:gd name="connsiteY45" fmla="*/ 5757422 h 6840480"/>
              <a:gd name="connsiteX46" fmla="*/ 653670 w 3267282"/>
              <a:gd name="connsiteY46" fmla="*/ 5702275 h 6840480"/>
              <a:gd name="connsiteX47" fmla="*/ 664749 w 3267282"/>
              <a:gd name="connsiteY47" fmla="*/ 5724333 h 6840480"/>
              <a:gd name="connsiteX48" fmla="*/ 509641 w 3267282"/>
              <a:gd name="connsiteY48" fmla="*/ 5812570 h 6840480"/>
              <a:gd name="connsiteX49" fmla="*/ 365612 w 3267282"/>
              <a:gd name="connsiteY49" fmla="*/ 6055220 h 6840480"/>
              <a:gd name="connsiteX50" fmla="*/ 553957 w 3267282"/>
              <a:gd name="connsiteY50" fmla="*/ 6143457 h 6840480"/>
              <a:gd name="connsiteX51" fmla="*/ 553957 w 3267282"/>
              <a:gd name="connsiteY51" fmla="*/ 6187575 h 6840480"/>
              <a:gd name="connsiteX52" fmla="*/ 398849 w 3267282"/>
              <a:gd name="connsiteY52" fmla="*/ 6264781 h 6840480"/>
              <a:gd name="connsiteX53" fmla="*/ 376691 w 3267282"/>
              <a:gd name="connsiteY53" fmla="*/ 6705963 h 6840480"/>
              <a:gd name="connsiteX54" fmla="*/ 299137 w 3267282"/>
              <a:gd name="connsiteY54" fmla="*/ 6827288 h 6840480"/>
              <a:gd name="connsiteX55" fmla="*/ 3267128 w 3267282"/>
              <a:gd name="connsiteY55" fmla="*/ 6840480 h 6840480"/>
              <a:gd name="connsiteX56" fmla="*/ 3267282 w 3267282"/>
              <a:gd name="connsiteY56" fmla="*/ 7904 h 68404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</a:cxnLst>
            <a:rect l="l" t="t" r="r" b="b"/>
            <a:pathLst>
              <a:path w="3267282" h="6840480">
                <a:moveTo>
                  <a:pt x="3267282" y="7904"/>
                </a:moveTo>
                <a:lnTo>
                  <a:pt x="232662" y="0"/>
                </a:lnTo>
                <a:lnTo>
                  <a:pt x="0" y="319856"/>
                </a:lnTo>
                <a:lnTo>
                  <a:pt x="88633" y="529418"/>
                </a:lnTo>
                <a:lnTo>
                  <a:pt x="276979" y="452211"/>
                </a:lnTo>
                <a:lnTo>
                  <a:pt x="454245" y="132354"/>
                </a:lnTo>
                <a:lnTo>
                  <a:pt x="476404" y="143383"/>
                </a:lnTo>
                <a:lnTo>
                  <a:pt x="454245" y="397063"/>
                </a:lnTo>
                <a:lnTo>
                  <a:pt x="587195" y="683831"/>
                </a:lnTo>
                <a:lnTo>
                  <a:pt x="376691" y="1191190"/>
                </a:lnTo>
                <a:lnTo>
                  <a:pt x="797699" y="1136042"/>
                </a:lnTo>
                <a:lnTo>
                  <a:pt x="797699" y="1169131"/>
                </a:lnTo>
                <a:lnTo>
                  <a:pt x="276979" y="1466929"/>
                </a:lnTo>
                <a:lnTo>
                  <a:pt x="398849" y="1654431"/>
                </a:lnTo>
                <a:lnTo>
                  <a:pt x="720145" y="1610314"/>
                </a:lnTo>
                <a:lnTo>
                  <a:pt x="720145" y="1621343"/>
                </a:lnTo>
                <a:lnTo>
                  <a:pt x="642591" y="2095613"/>
                </a:lnTo>
                <a:lnTo>
                  <a:pt x="620433" y="2095613"/>
                </a:lnTo>
                <a:lnTo>
                  <a:pt x="210503" y="1742667"/>
                </a:lnTo>
                <a:lnTo>
                  <a:pt x="221583" y="2062525"/>
                </a:lnTo>
                <a:lnTo>
                  <a:pt x="343453" y="2106642"/>
                </a:lnTo>
                <a:lnTo>
                  <a:pt x="343453" y="2128702"/>
                </a:lnTo>
                <a:lnTo>
                  <a:pt x="232662" y="2283115"/>
                </a:lnTo>
                <a:lnTo>
                  <a:pt x="354532" y="2459589"/>
                </a:lnTo>
                <a:lnTo>
                  <a:pt x="587195" y="2481647"/>
                </a:lnTo>
                <a:lnTo>
                  <a:pt x="587195" y="2503706"/>
                </a:lnTo>
                <a:lnTo>
                  <a:pt x="387770" y="2625031"/>
                </a:lnTo>
                <a:lnTo>
                  <a:pt x="409928" y="3000036"/>
                </a:lnTo>
                <a:lnTo>
                  <a:pt x="764461" y="2922829"/>
                </a:lnTo>
                <a:lnTo>
                  <a:pt x="764461" y="2933859"/>
                </a:lnTo>
                <a:lnTo>
                  <a:pt x="409928" y="3176509"/>
                </a:lnTo>
                <a:lnTo>
                  <a:pt x="166188" y="3716957"/>
                </a:lnTo>
                <a:lnTo>
                  <a:pt x="232662" y="4003724"/>
                </a:lnTo>
                <a:lnTo>
                  <a:pt x="487483" y="4102990"/>
                </a:lnTo>
                <a:lnTo>
                  <a:pt x="487483" y="4114019"/>
                </a:lnTo>
                <a:lnTo>
                  <a:pt x="310216" y="4268434"/>
                </a:lnTo>
                <a:lnTo>
                  <a:pt x="398849" y="4455936"/>
                </a:lnTo>
                <a:lnTo>
                  <a:pt x="398849" y="4477995"/>
                </a:lnTo>
                <a:lnTo>
                  <a:pt x="243741" y="4533143"/>
                </a:lnTo>
                <a:lnTo>
                  <a:pt x="332375" y="4775793"/>
                </a:lnTo>
                <a:lnTo>
                  <a:pt x="243741" y="4919176"/>
                </a:lnTo>
                <a:lnTo>
                  <a:pt x="421008" y="5272122"/>
                </a:lnTo>
                <a:lnTo>
                  <a:pt x="598274" y="5360358"/>
                </a:lnTo>
                <a:lnTo>
                  <a:pt x="598274" y="5393447"/>
                </a:lnTo>
                <a:lnTo>
                  <a:pt x="387770" y="5459624"/>
                </a:lnTo>
                <a:lnTo>
                  <a:pt x="365612" y="5757422"/>
                </a:lnTo>
                <a:lnTo>
                  <a:pt x="653670" y="5702275"/>
                </a:lnTo>
                <a:lnTo>
                  <a:pt x="664749" y="5724333"/>
                </a:lnTo>
                <a:lnTo>
                  <a:pt x="509641" y="5812570"/>
                </a:lnTo>
                <a:lnTo>
                  <a:pt x="365612" y="6055220"/>
                </a:lnTo>
                <a:lnTo>
                  <a:pt x="553957" y="6143457"/>
                </a:lnTo>
                <a:lnTo>
                  <a:pt x="553957" y="6187575"/>
                </a:lnTo>
                <a:lnTo>
                  <a:pt x="398849" y="6264781"/>
                </a:lnTo>
                <a:lnTo>
                  <a:pt x="376691" y="6705963"/>
                </a:lnTo>
                <a:lnTo>
                  <a:pt x="299137" y="6827288"/>
                </a:lnTo>
                <a:lnTo>
                  <a:pt x="3267128" y="6840480"/>
                </a:lnTo>
                <a:cubicBezTo>
                  <a:pt x="3267129" y="4567673"/>
                  <a:pt x="3267281" y="2280712"/>
                  <a:pt x="3267282" y="7904"/>
                </a:cubicBez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r>
              <a:rPr lang="nb-NO"/>
              <a:t>Klikk på ikonet for å legge til et bild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0883779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/>
          <a:lstStyle/>
          <a:p>
            <a:fld id="{2753EE0E-62D5-7C4E-A9DE-E2404AB69666}" type="datetimeFigureOut">
              <a:rPr lang="en-US" smtClean="0"/>
              <a:pPr/>
              <a:t>8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/>
          <a:lstStyle/>
          <a:p>
            <a:fld id="{210AF781-9AF6-D34D-AE18-5B607B564EFE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502837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/>
          <a:lstStyle/>
          <a:p>
            <a:fld id="{2753EE0E-62D5-7C4E-A9DE-E2404AB69666}" type="datetimeFigureOut">
              <a:rPr lang="en-US" smtClean="0"/>
              <a:pPr/>
              <a:t>8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/>
          <a:lstStyle/>
          <a:p>
            <a:fld id="{210AF781-9AF6-D34D-AE18-5B607B564EFE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753825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mal over to spalter_m-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e 4" descr="Et bilde som inneholder utendørs&#10;&#10;Automatisk generert beskrivelse">
            <a:extLst>
              <a:ext uri="{FF2B5EF4-FFF2-40B4-BE49-F238E27FC236}">
                <a16:creationId xmlns:a16="http://schemas.microsoft.com/office/drawing/2014/main" id="{4A7A261A-C785-5C4D-A29B-A26C2455F33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898316" y="0"/>
            <a:ext cx="2293684" cy="6858000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32000" y="1542420"/>
            <a:ext cx="5768823" cy="4729591"/>
          </a:xfrm>
        </p:spPr>
        <p:txBody>
          <a:bodyPr/>
          <a:lstStyle>
            <a:lvl1pPr marL="0" indent="0">
              <a:lnSpc>
                <a:spcPts val="2940"/>
              </a:lnSpc>
              <a:buFontTx/>
              <a:buNone/>
              <a:defRPr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8" name="Rektangel 7"/>
          <p:cNvSpPr/>
          <p:nvPr userDrawn="1"/>
        </p:nvSpPr>
        <p:spPr>
          <a:xfrm>
            <a:off x="0" y="1399086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pic>
        <p:nvPicPr>
          <p:cNvPr id="10" name="Bilde 9">
            <a:extLst>
              <a:ext uri="{FF2B5EF4-FFF2-40B4-BE49-F238E27FC236}">
                <a16:creationId xmlns:a16="http://schemas.microsoft.com/office/drawing/2014/main" id="{AACC51C7-D08F-8842-AF1E-F8FD5A9BD547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9967E312-DCE1-1A40-926B-5934DAD1D3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1310588"/>
            <a:ext cx="3240000" cy="1394088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441809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mal over to spalter_m-lyse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>
            <a:extLst>
              <a:ext uri="{FF2B5EF4-FFF2-40B4-BE49-F238E27FC236}">
                <a16:creationId xmlns:a16="http://schemas.microsoft.com/office/drawing/2014/main" id="{A125B397-3992-2A4E-939C-6F96710EFD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1310588"/>
            <a:ext cx="3240000" cy="1394088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E3B1D6ED-AEBE-BE4D-9051-018E0607174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32000" y="1542420"/>
            <a:ext cx="5768823" cy="4729591"/>
          </a:xfrm>
        </p:spPr>
        <p:txBody>
          <a:bodyPr/>
          <a:lstStyle>
            <a:lvl1pPr marL="0" indent="0">
              <a:lnSpc>
                <a:spcPts val="2940"/>
              </a:lnSpc>
              <a:buFontTx/>
              <a:buNone/>
              <a:defRPr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D6125BB5-7B3E-9E4F-8CE3-03AEF8F9AA13}"/>
              </a:ext>
            </a:extLst>
          </p:cNvPr>
          <p:cNvSpPr/>
          <p:nvPr userDrawn="1"/>
        </p:nvSpPr>
        <p:spPr>
          <a:xfrm>
            <a:off x="0" y="1399086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pic>
        <p:nvPicPr>
          <p:cNvPr id="15" name="Bilde 14">
            <a:extLst>
              <a:ext uri="{FF2B5EF4-FFF2-40B4-BE49-F238E27FC236}">
                <a16:creationId xmlns:a16="http://schemas.microsoft.com/office/drawing/2014/main" id="{63FECCB5-0CC0-0344-9674-6E7F4C08A46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9898316" y="0"/>
            <a:ext cx="2293684" cy="6857999"/>
          </a:xfrm>
          <a:prstGeom prst="rect">
            <a:avLst/>
          </a:prstGeom>
        </p:spPr>
      </p:pic>
      <p:pic>
        <p:nvPicPr>
          <p:cNvPr id="16" name="Bilde 15">
            <a:extLst>
              <a:ext uri="{FF2B5EF4-FFF2-40B4-BE49-F238E27FC236}">
                <a16:creationId xmlns:a16="http://schemas.microsoft.com/office/drawing/2014/main" id="{049DE6FE-2451-354F-AC8D-E60E337143F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62220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mal over to spalter_m-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 15">
            <a:extLst>
              <a:ext uri="{FF2B5EF4-FFF2-40B4-BE49-F238E27FC236}">
                <a16:creationId xmlns:a16="http://schemas.microsoft.com/office/drawing/2014/main" id="{B0258535-E631-8047-B24B-3055544EB490}"/>
              </a:ext>
            </a:extLst>
          </p:cNvPr>
          <p:cNvSpPr/>
          <p:nvPr userDrawn="1"/>
        </p:nvSpPr>
        <p:spPr>
          <a:xfrm>
            <a:off x="0" y="1399086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62075B3E-0C5F-894F-852A-CC80751CE8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1310588"/>
            <a:ext cx="3240000" cy="1394088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2814AFF0-3485-5F4B-98FF-F8B7709ADB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32000" y="1542420"/>
            <a:ext cx="5768823" cy="4729591"/>
          </a:xfrm>
        </p:spPr>
        <p:txBody>
          <a:bodyPr/>
          <a:lstStyle>
            <a:lvl1pPr marL="0" indent="0">
              <a:lnSpc>
                <a:spcPts val="2940"/>
              </a:lnSpc>
              <a:buFontTx/>
              <a:buNone/>
              <a:defRPr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</p:txBody>
      </p:sp>
      <p:pic>
        <p:nvPicPr>
          <p:cNvPr id="19" name="Bilde 18">
            <a:extLst>
              <a:ext uri="{FF2B5EF4-FFF2-40B4-BE49-F238E27FC236}">
                <a16:creationId xmlns:a16="http://schemas.microsoft.com/office/drawing/2014/main" id="{FBC8BE43-0266-8043-9006-F7D87DFDB2C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9898316" y="0"/>
            <a:ext cx="2293684" cy="6857999"/>
          </a:xfrm>
          <a:prstGeom prst="rect">
            <a:avLst/>
          </a:prstGeom>
        </p:spPr>
      </p:pic>
      <p:pic>
        <p:nvPicPr>
          <p:cNvPr id="20" name="Bilde 19">
            <a:extLst>
              <a:ext uri="{FF2B5EF4-FFF2-40B4-BE49-F238E27FC236}">
                <a16:creationId xmlns:a16="http://schemas.microsoft.com/office/drawing/2014/main" id="{140C8ABF-68A2-364B-94D2-27784099152F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814442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mal over to spalter_lyseblå">
    <p:bg>
      <p:bgPr>
        <a:solidFill>
          <a:srgbClr val="A9E5F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 15">
            <a:extLst>
              <a:ext uri="{FF2B5EF4-FFF2-40B4-BE49-F238E27FC236}">
                <a16:creationId xmlns:a16="http://schemas.microsoft.com/office/drawing/2014/main" id="{B0258535-E631-8047-B24B-3055544EB490}"/>
              </a:ext>
            </a:extLst>
          </p:cNvPr>
          <p:cNvSpPr/>
          <p:nvPr userDrawn="1"/>
        </p:nvSpPr>
        <p:spPr>
          <a:xfrm>
            <a:off x="0" y="1399086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62075B3E-0C5F-894F-852A-CC80751CE8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1310588"/>
            <a:ext cx="3240000" cy="1394088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2814AFF0-3485-5F4B-98FF-F8B7709ADB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32000" y="1542420"/>
            <a:ext cx="5768823" cy="4729591"/>
          </a:xfrm>
        </p:spPr>
        <p:txBody>
          <a:bodyPr/>
          <a:lstStyle>
            <a:lvl1pPr marL="0" indent="0">
              <a:lnSpc>
                <a:spcPts val="2940"/>
              </a:lnSpc>
              <a:buFontTx/>
              <a:buNone/>
              <a:defRPr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</p:txBody>
      </p:sp>
      <p:pic>
        <p:nvPicPr>
          <p:cNvPr id="19" name="Bilde 18">
            <a:extLst>
              <a:ext uri="{FF2B5EF4-FFF2-40B4-BE49-F238E27FC236}">
                <a16:creationId xmlns:a16="http://schemas.microsoft.com/office/drawing/2014/main" id="{FBC8BE43-0266-8043-9006-F7D87DFDB2C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9898316" y="0"/>
            <a:ext cx="2293683" cy="6857999"/>
          </a:xfrm>
          <a:prstGeom prst="rect">
            <a:avLst/>
          </a:prstGeom>
        </p:spPr>
      </p:pic>
      <p:pic>
        <p:nvPicPr>
          <p:cNvPr id="20" name="Bilde 19">
            <a:extLst>
              <a:ext uri="{FF2B5EF4-FFF2-40B4-BE49-F238E27FC236}">
                <a16:creationId xmlns:a16="http://schemas.microsoft.com/office/drawing/2014/main" id="{140C8ABF-68A2-364B-94D2-27784099152F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17918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mal over to spalter_sand">
    <p:bg>
      <p:bgPr>
        <a:solidFill>
          <a:srgbClr val="F9F6F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 15">
            <a:extLst>
              <a:ext uri="{FF2B5EF4-FFF2-40B4-BE49-F238E27FC236}">
                <a16:creationId xmlns:a16="http://schemas.microsoft.com/office/drawing/2014/main" id="{B0258535-E631-8047-B24B-3055544EB490}"/>
              </a:ext>
            </a:extLst>
          </p:cNvPr>
          <p:cNvSpPr/>
          <p:nvPr userDrawn="1"/>
        </p:nvSpPr>
        <p:spPr>
          <a:xfrm>
            <a:off x="0" y="1399086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62075B3E-0C5F-894F-852A-CC80751CE8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1310588"/>
            <a:ext cx="3240000" cy="1394088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2814AFF0-3485-5F4B-98FF-F8B7709ADB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32000" y="1542420"/>
            <a:ext cx="5768823" cy="4729591"/>
          </a:xfrm>
        </p:spPr>
        <p:txBody>
          <a:bodyPr/>
          <a:lstStyle>
            <a:lvl1pPr marL="0" indent="0">
              <a:lnSpc>
                <a:spcPts val="2940"/>
              </a:lnSpc>
              <a:buFontTx/>
              <a:buNone/>
              <a:defRPr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</p:txBody>
      </p:sp>
      <p:pic>
        <p:nvPicPr>
          <p:cNvPr id="19" name="Bilde 18">
            <a:extLst>
              <a:ext uri="{FF2B5EF4-FFF2-40B4-BE49-F238E27FC236}">
                <a16:creationId xmlns:a16="http://schemas.microsoft.com/office/drawing/2014/main" id="{FBC8BE43-0266-8043-9006-F7D87DFDB2C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9898316" y="0"/>
            <a:ext cx="2293683" cy="6857999"/>
          </a:xfrm>
          <a:prstGeom prst="rect">
            <a:avLst/>
          </a:prstGeom>
        </p:spPr>
      </p:pic>
      <p:pic>
        <p:nvPicPr>
          <p:cNvPr id="20" name="Bilde 19">
            <a:extLst>
              <a:ext uri="{FF2B5EF4-FFF2-40B4-BE49-F238E27FC236}">
                <a16:creationId xmlns:a16="http://schemas.microsoft.com/office/drawing/2014/main" id="{140C8ABF-68A2-364B-94D2-27784099152F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10692000" y="162000"/>
            <a:ext cx="1457452" cy="1148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819049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radisjonell tekstmal - hv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76000" y="642726"/>
            <a:ext cx="9000000" cy="1205890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6000" y="1940385"/>
            <a:ext cx="10260000" cy="440890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 dirty="0"/>
          </a:p>
        </p:txBody>
      </p:sp>
      <p:sp>
        <p:nvSpPr>
          <p:cNvPr id="8" name="Rektangel 7"/>
          <p:cNvSpPr/>
          <p:nvPr userDrawn="1"/>
        </p:nvSpPr>
        <p:spPr>
          <a:xfrm>
            <a:off x="0" y="637125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DE74CA81-B61C-F247-A230-C0D446D06F2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1230472" y="0"/>
            <a:ext cx="831578" cy="6872068"/>
          </a:xfrm>
          <a:prstGeom prst="rect">
            <a:avLst/>
          </a:prstGeom>
        </p:spPr>
      </p:pic>
      <p:pic>
        <p:nvPicPr>
          <p:cNvPr id="10" name="Bilde 9">
            <a:extLst>
              <a:ext uri="{FF2B5EF4-FFF2-40B4-BE49-F238E27FC236}">
                <a16:creationId xmlns:a16="http://schemas.microsoft.com/office/drawing/2014/main" id="{EC0ADEEC-E2DF-FD40-9A39-18A8294DBFE7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9919268" y="162000"/>
            <a:ext cx="1457452" cy="1148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19356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disjonell tekstmal - lyseblå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e 6">
            <a:extLst>
              <a:ext uri="{FF2B5EF4-FFF2-40B4-BE49-F238E27FC236}">
                <a16:creationId xmlns:a16="http://schemas.microsoft.com/office/drawing/2014/main" id="{B210FA55-8796-5742-8E35-71AB9C0B8E8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1230472" y="0"/>
            <a:ext cx="831578" cy="6872068"/>
          </a:xfrm>
          <a:prstGeom prst="rect">
            <a:avLst/>
          </a:prstGeom>
        </p:spPr>
      </p:pic>
      <p:pic>
        <p:nvPicPr>
          <p:cNvPr id="11" name="Bilde 10">
            <a:extLst>
              <a:ext uri="{FF2B5EF4-FFF2-40B4-BE49-F238E27FC236}">
                <a16:creationId xmlns:a16="http://schemas.microsoft.com/office/drawing/2014/main" id="{8888BDE5-D38F-4840-9AE3-5A26BB27036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9919268" y="162000"/>
            <a:ext cx="1457452" cy="114858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307067AC-1724-FC49-8955-C5F5AC6BCD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642726"/>
            <a:ext cx="9000000" cy="1205890"/>
          </a:xfrm>
        </p:spPr>
        <p:txBody>
          <a:bodyPr/>
          <a:lstStyle>
            <a:lvl1pPr>
              <a:defRPr b="1">
                <a:solidFill>
                  <a:srgbClr val="000664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4742FCAA-223D-EA43-BD48-1F01959A1A5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6000" y="1940385"/>
            <a:ext cx="10260000" cy="440890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 dirty="0"/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1281B3E6-0AC7-5B4B-8A3C-32FC188BC18F}"/>
              </a:ext>
            </a:extLst>
          </p:cNvPr>
          <p:cNvSpPr/>
          <p:nvPr userDrawn="1"/>
        </p:nvSpPr>
        <p:spPr>
          <a:xfrm>
            <a:off x="0" y="637125"/>
            <a:ext cx="212400" cy="1188000"/>
          </a:xfrm>
          <a:prstGeom prst="rect">
            <a:avLst/>
          </a:prstGeom>
          <a:solidFill>
            <a:srgbClr val="FF451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543133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20000" y="720000"/>
            <a:ext cx="9000000" cy="120589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b-NO" dirty="0"/>
              <a:t>Klikk for å redigere tittel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0000" y="2016000"/>
            <a:ext cx="10260000" cy="41400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 dirty="0"/>
              <a:t>Klikk for å redigere tekst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758462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7" r:id="rId2"/>
    <p:sldLayoutId id="2147483670" r:id="rId3"/>
    <p:sldLayoutId id="2147483673" r:id="rId4"/>
    <p:sldLayoutId id="2147483671" r:id="rId5"/>
    <p:sldLayoutId id="2147483678" r:id="rId6"/>
    <p:sldLayoutId id="2147483679" r:id="rId7"/>
    <p:sldLayoutId id="2147483650" r:id="rId8"/>
    <p:sldLayoutId id="2147483668" r:id="rId9"/>
    <p:sldLayoutId id="2147483669" r:id="rId10"/>
    <p:sldLayoutId id="2147483676" r:id="rId11"/>
    <p:sldLayoutId id="2147483683" r:id="rId12"/>
    <p:sldLayoutId id="2147483680" r:id="rId13"/>
    <p:sldLayoutId id="2147483681" r:id="rId14"/>
    <p:sldLayoutId id="2147483672" r:id="rId15"/>
    <p:sldLayoutId id="2147483682" r:id="rId16"/>
    <p:sldLayoutId id="2147483684" r:id="rId17"/>
    <p:sldLayoutId id="2147483675" r:id="rId18"/>
    <p:sldLayoutId id="2147483651" r:id="rId19"/>
    <p:sldLayoutId id="2147483658" r:id="rId20"/>
    <p:sldLayoutId id="2147483659" r:id="rId21"/>
  </p:sldLayoutIdLst>
  <p:txStyles>
    <p:titleStyle>
      <a:lvl1pPr algn="l" defTabSz="457200" rtl="0" eaLnBrk="1" latinLnBrk="0" hangingPunct="1">
        <a:spcBef>
          <a:spcPct val="0"/>
        </a:spcBef>
        <a:buNone/>
        <a:defRPr sz="3000" b="1" kern="1200">
          <a:solidFill>
            <a:srgbClr val="000664"/>
          </a:solidFill>
          <a:latin typeface="+mj-lt"/>
          <a:ea typeface="+mj-ea"/>
          <a:cs typeface="+mj-cs"/>
        </a:defRPr>
      </a:lvl1pPr>
    </p:titleStyle>
    <p:bodyStyle>
      <a:lvl1pPr marL="457200" indent="-457200" algn="l" defTabSz="457200" rtl="0" eaLnBrk="1" latinLnBrk="0" hangingPunct="1">
        <a:lnSpc>
          <a:spcPts val="2940"/>
        </a:lnSpc>
        <a:spcBef>
          <a:spcPct val="20000"/>
        </a:spcBef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lnSpc>
          <a:spcPts val="2940"/>
        </a:lnSpc>
        <a:spcBef>
          <a:spcPct val="20000"/>
        </a:spcBef>
        <a:buFont typeface="Wingdings" panose="05000000000000000000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lnSpc>
          <a:spcPts val="2940"/>
        </a:lnSpc>
        <a:spcBef>
          <a:spcPct val="20000"/>
        </a:spcBef>
        <a:buFont typeface="Courier New" panose="02070309020205020404" pitchFamily="49" charset="0"/>
        <a:buChar char="o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lnSpc>
          <a:spcPts val="2940"/>
        </a:lnSpc>
        <a:spcBef>
          <a:spcPct val="20000"/>
        </a:spcBef>
        <a:buFont typeface="Arial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lnSpc>
          <a:spcPts val="2940"/>
        </a:lnSpc>
        <a:spcBef>
          <a:spcPct val="20000"/>
        </a:spcBef>
        <a:buFont typeface="Arial"/>
        <a:buChar char="»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8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15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jpeg"/><Relationship Id="rId3" Type="http://schemas.openxmlformats.org/officeDocument/2006/relationships/tags" Target="../tags/tag1.xml"/><Relationship Id="rId7" Type="http://schemas.openxmlformats.org/officeDocument/2006/relationships/image" Target="../media/image18.jpeg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4.xml"/><Relationship Id="rId6" Type="http://schemas.openxmlformats.org/officeDocument/2006/relationships/image" Target="../media/image17.png"/><Relationship Id="rId5" Type="http://schemas.openxmlformats.org/officeDocument/2006/relationships/image" Target="../media/image16.jpeg"/><Relationship Id="rId10" Type="http://schemas.openxmlformats.org/officeDocument/2006/relationships/image" Target="../media/image15.png"/><Relationship Id="rId4" Type="http://schemas.openxmlformats.org/officeDocument/2006/relationships/slideLayout" Target="../slideLayouts/slideLayout8.xml"/><Relationship Id="rId9" Type="http://schemas.openxmlformats.org/officeDocument/2006/relationships/image" Target="../media/image1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67D2C6B8-1E96-AE4B-932C-2E766C43325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 dirty="0"/>
              <a:t>Bioremediering og</a:t>
            </a:r>
            <a:br>
              <a:rPr lang="nb-NO" dirty="0"/>
            </a:br>
            <a:r>
              <a:rPr lang="nb-NO" dirty="0"/>
              <a:t> Spill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pportunity</a:t>
            </a:r>
            <a:endParaRPr lang="nb-NO" dirty="0"/>
          </a:p>
        </p:txBody>
      </p:sp>
      <p:sp>
        <p:nvSpPr>
          <p:cNvPr id="3" name="Undertittel 2">
            <a:extLst>
              <a:ext uri="{FF2B5EF4-FFF2-40B4-BE49-F238E27FC236}">
                <a16:creationId xmlns:a16="http://schemas.microsoft.com/office/drawing/2014/main" id="{53D222A7-1F7E-B54C-854F-30B8D7B7CA1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130C02DF-0777-EA4F-BA87-F76A0C155477}"/>
              </a:ext>
            </a:extLst>
          </p:cNvPr>
          <p:cNvSpPr/>
          <p:nvPr/>
        </p:nvSpPr>
        <p:spPr>
          <a:xfrm>
            <a:off x="769358" y="6213511"/>
            <a:ext cx="5901605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nb-NO" sz="1500" dirty="0">
                <a:solidFill>
                  <a:srgbClr val="A9E5FB">
                    <a:alpha val="49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ilje Berger, </a:t>
            </a:r>
            <a:r>
              <a:rPr lang="nb-NO" sz="1500" dirty="0" err="1">
                <a:solidFill>
                  <a:srgbClr val="A9E5FB">
                    <a:alpha val="49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enioringeninør</a:t>
            </a:r>
            <a:r>
              <a:rPr lang="nb-NO" sz="1500" dirty="0">
                <a:solidFill>
                  <a:srgbClr val="A9E5FB">
                    <a:alpha val="49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 //  Svolvær, 2.9.2024</a:t>
            </a:r>
          </a:p>
        </p:txBody>
      </p:sp>
      <p:pic>
        <p:nvPicPr>
          <p:cNvPr id="9" name="Plassholder for bilde 8" descr="Et bilde som inneholder himmel, vann, utendørs, båt&#10;&#10;Automatisk generert beskrivelse">
            <a:extLst>
              <a:ext uri="{FF2B5EF4-FFF2-40B4-BE49-F238E27FC236}">
                <a16:creationId xmlns:a16="http://schemas.microsoft.com/office/drawing/2014/main" id="{043C6DFC-E69F-274A-9764-076E5F3F735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  <p:pic>
        <p:nvPicPr>
          <p:cNvPr id="5" name="Bilde 4" descr="Et bilde som inneholder tekst, Font, Grafikk, grafisk design&#10;&#10;Automatisk generert beskrivelse">
            <a:extLst>
              <a:ext uri="{FF2B5EF4-FFF2-40B4-BE49-F238E27FC236}">
                <a16:creationId xmlns:a16="http://schemas.microsoft.com/office/drawing/2014/main" id="{2B652EAF-2976-016B-52B9-20EE02F97F5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0000" y="321324"/>
            <a:ext cx="1698096" cy="7394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958021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31C71CE3-1048-9AA4-9C76-DC9E6827D58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pic>
        <p:nvPicPr>
          <p:cNvPr id="3" name="Bilde 2" descr="Et bilde som inneholder tekst, Font, Grafikk, grafisk design&#10;&#10;Automatisk generert beskrivelse">
            <a:extLst>
              <a:ext uri="{FF2B5EF4-FFF2-40B4-BE49-F238E27FC236}">
                <a16:creationId xmlns:a16="http://schemas.microsoft.com/office/drawing/2014/main" id="{6848EBC0-10C4-E804-88B2-1D255DC4380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45168" y="5883703"/>
            <a:ext cx="1208922" cy="526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314719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tel 2">
            <a:extLst>
              <a:ext uri="{FF2B5EF4-FFF2-40B4-BE49-F238E27FC236}">
                <a16:creationId xmlns:a16="http://schemas.microsoft.com/office/drawing/2014/main" id="{9565CBCF-D17C-FE4B-69A9-6AD9A199E7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Bakgrunn</a:t>
            </a:r>
            <a:endParaRPr lang="en-US" dirty="0"/>
          </a:p>
        </p:txBody>
      </p:sp>
      <p:sp>
        <p:nvSpPr>
          <p:cNvPr id="2" name="Plassholder for innhold 1">
            <a:extLst>
              <a:ext uri="{FF2B5EF4-FFF2-40B4-BE49-F238E27FC236}">
                <a16:creationId xmlns:a16="http://schemas.microsoft.com/office/drawing/2014/main" id="{BE8BC30B-7EAD-57B5-8619-01C11E8D6FE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Bioremediering av oljeforurensede strender kan være det beste (og eneste) alternativet i øde og sensitive områder.</a:t>
            </a:r>
          </a:p>
          <a:p>
            <a:pPr marL="342900" indent="-342900"/>
            <a:r>
              <a:rPr lang="nb-NO" dirty="0"/>
              <a:t>Tilsetning av næringsstoffer til oljeforurensningen for å stimulere veksten av de naturlig forekommende mikroorganismene og dermed biodegradering i oljen  - en tidkrevende proses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Selv om bioremediering har vist potensiale gjennom laboratorieforsøk, er det lite praktisk erfaring (fra hendelser) i nyere tid knyttet til metode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Behov for oppdatert kunnskap om bioremediering som operasjonell metode</a:t>
            </a:r>
          </a:p>
          <a:p>
            <a:endParaRPr lang="nb-NO" sz="1050" dirty="0">
              <a:latin typeface="Calibri" panose="020F0502020204030204" pitchFamily="34" charset="0"/>
              <a:ea typeface="Times New Roman" panose="02020603050405020304" pitchFamily="18" charset="0"/>
            </a:endParaRPr>
          </a:p>
          <a:p>
            <a:endParaRPr lang="en-US" sz="1050" dirty="0"/>
          </a:p>
          <a:p>
            <a:endParaRPr lang="nb-NO" sz="1800" dirty="0">
              <a:latin typeface="Calibri" panose="020F0502020204030204" pitchFamily="34" charset="0"/>
              <a:ea typeface="Times New Roman" panose="02020603050405020304" pitchFamily="18" charset="0"/>
            </a:endParaRPr>
          </a:p>
          <a:p>
            <a:endParaRPr lang="nb-NO" sz="1800" dirty="0">
              <a:effectLst/>
              <a:latin typeface="Calibri" panose="020F0502020204030204" pitchFamily="34" charset="0"/>
              <a:ea typeface="Times New Roman" panose="02020603050405020304" pitchFamily="18" charset="0"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4384951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914C11AD-01AB-D505-1512-B89691B95C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Bakgrunn</a:t>
            </a:r>
            <a:endParaRPr lang="en-US" dirty="0"/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8C0FE906-7A77-B039-BE1F-FCFE47E4A6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6000" y="1940385"/>
            <a:ext cx="6066100" cy="4408900"/>
          </a:xfrm>
        </p:spPr>
        <p:txBody>
          <a:bodyPr/>
          <a:lstStyle/>
          <a:p>
            <a:r>
              <a:rPr lang="nb-NO" dirty="0"/>
              <a:t>SINTEF har på oppdrag fra Kystverket i gjennomført forsøk for å studere effekten av tilsatte gjødselprodukter på bioremediering av ulike typer drivstoff i </a:t>
            </a:r>
            <a:r>
              <a:rPr lang="nb-NO" dirty="0" err="1"/>
              <a:t>sedimentkolonner</a:t>
            </a:r>
            <a:endParaRPr lang="nb-NO" dirty="0"/>
          </a:p>
          <a:p>
            <a:r>
              <a:rPr lang="nb-NO" dirty="0"/>
              <a:t>Resultatene viser at bioremediering har et potensiale som metode for å framskynde nedbrytning av olje</a:t>
            </a:r>
          </a:p>
          <a:p>
            <a:endParaRPr lang="en-US" dirty="0"/>
          </a:p>
        </p:txBody>
      </p:sp>
      <p:pic>
        <p:nvPicPr>
          <p:cNvPr id="10" name="Bilde 9">
            <a:extLst>
              <a:ext uri="{FF2B5EF4-FFF2-40B4-BE49-F238E27FC236}">
                <a16:creationId xmlns:a16="http://schemas.microsoft.com/office/drawing/2014/main" id="{5C043711-2590-94F3-DF13-3D7EC72C811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78650" y="2067385"/>
            <a:ext cx="4051080" cy="3069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746187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tel 2">
            <a:extLst>
              <a:ext uri="{FF2B5EF4-FFF2-40B4-BE49-F238E27FC236}">
                <a16:creationId xmlns:a16="http://schemas.microsoft.com/office/drawing/2014/main" id="{80B9CE67-A414-C62A-8B93-4585C79630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nhold</a:t>
            </a:r>
            <a:endParaRPr lang="en-US" dirty="0"/>
          </a:p>
        </p:txBody>
      </p:sp>
      <p:sp>
        <p:nvSpPr>
          <p:cNvPr id="2" name="Plassholder for innhold 1">
            <a:extLst>
              <a:ext uri="{FF2B5EF4-FFF2-40B4-BE49-F238E27FC236}">
                <a16:creationId xmlns:a16="http://schemas.microsoft.com/office/drawing/2014/main" id="{5721A66B-EEA8-CC63-B476-4619DD743F5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Workshop Forum for Framtidas Oljevern 2023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SINTEF – litteraturstudie på aktuelle midler for bioremedier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Plan for Spill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pportunity</a:t>
            </a:r>
            <a:endParaRPr lang="nb-NO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Prosjekt på Svalbard om naturlig nedbrytning av olje på strand over lang tid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nb-NO" dirty="0"/>
          </a:p>
          <a:p>
            <a:pPr marL="342900" indent="-342900">
              <a:buFontTx/>
              <a:buChar char="-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978272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tel 2">
            <a:extLst>
              <a:ext uri="{FF2B5EF4-FFF2-40B4-BE49-F238E27FC236}">
                <a16:creationId xmlns:a16="http://schemas.microsoft.com/office/drawing/2014/main" id="{E3CCDFED-7A6B-9351-298D-5435F330D0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orkshop</a:t>
            </a:r>
          </a:p>
        </p:txBody>
      </p:sp>
      <p:sp>
        <p:nvSpPr>
          <p:cNvPr id="2" name="Plassholder for innhold 1">
            <a:extLst>
              <a:ext uri="{FF2B5EF4-FFF2-40B4-BE49-F238E27FC236}">
                <a16:creationId xmlns:a16="http://schemas.microsoft.com/office/drawing/2014/main" id="{DF4C69C5-F13F-BC55-E255-9CCEA0DFC9F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Workshop Bioremediering – veien videre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Ledet av SINTEF Ocean med deltakere fra Akvaplan Niva, NOFO og </a:t>
            </a:r>
            <a:r>
              <a:rPr lang="nb-NO" dirty="0" err="1"/>
              <a:t>Equinor</a:t>
            </a:r>
            <a:r>
              <a:rPr lang="nb-NO" dirty="0"/>
              <a:t> og Kystverk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Workshopen tok for seg ulike problemstillinger knyttet til metod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dirty="0"/>
              <a:t>Det finnes begrenset erfaringsgrunnlag fra de senere årene og behov for oppfriskning – oppdatering av kunnskapen var en rød tråd gjennom workshopen</a:t>
            </a:r>
          </a:p>
          <a:p>
            <a:endParaRPr lang="en-US" dirty="0"/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F8C81C6F-1D26-6F8A-4E44-32DC8EB4CF3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32565" y="301204"/>
            <a:ext cx="1743435" cy="944467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00635083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e 4">
            <a:extLst>
              <a:ext uri="{FF2B5EF4-FFF2-40B4-BE49-F238E27FC236}">
                <a16:creationId xmlns:a16="http://schemas.microsoft.com/office/drawing/2014/main" id="{86797416-7BA8-3AF4-C580-B46903A9B72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26490" y="1727199"/>
            <a:ext cx="3082014" cy="4043235"/>
          </a:xfrm>
          <a:prstGeom prst="rect">
            <a:avLst/>
          </a:prstGeom>
        </p:spPr>
      </p:pic>
      <p:sp>
        <p:nvSpPr>
          <p:cNvPr id="2" name="Tittel 1">
            <a:extLst>
              <a:ext uri="{FF2B5EF4-FFF2-40B4-BE49-F238E27FC236}">
                <a16:creationId xmlns:a16="http://schemas.microsoft.com/office/drawing/2014/main" id="{CC4C48AD-3546-D184-AEA2-65957552D9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Bioremediering</a:t>
            </a:r>
            <a:r>
              <a:rPr lang="en-US" dirty="0"/>
              <a:t> av </a:t>
            </a:r>
            <a:r>
              <a:rPr lang="en-US" dirty="0" err="1"/>
              <a:t>olje</a:t>
            </a:r>
            <a:r>
              <a:rPr lang="en-US" dirty="0"/>
              <a:t> </a:t>
            </a:r>
            <a:r>
              <a:rPr lang="en-US" dirty="0" err="1"/>
              <a:t>på</a:t>
            </a:r>
            <a:r>
              <a:rPr lang="en-US" dirty="0"/>
              <a:t> strand - </a:t>
            </a:r>
            <a:r>
              <a:rPr lang="en-US" dirty="0" err="1"/>
              <a:t>bioremedieringsprodukter</a:t>
            </a:r>
            <a:endParaRPr lang="en-US" dirty="0"/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D97467AF-185C-9CB5-AE0B-E7A73A57EF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 dirty="0"/>
              <a:t>Litteraturstudie </a:t>
            </a:r>
          </a:p>
          <a:p>
            <a:r>
              <a:rPr lang="nb-NO" dirty="0"/>
              <a:t>Ulike typer </a:t>
            </a:r>
            <a:r>
              <a:rPr lang="nb-NO" dirty="0" err="1"/>
              <a:t>bioremedieringsteknikker</a:t>
            </a:r>
            <a:endParaRPr lang="nb-NO" dirty="0"/>
          </a:p>
          <a:p>
            <a:r>
              <a:rPr lang="nb-NO" dirty="0"/>
              <a:t>Biostimulering ved hjelp av tilsetning av næringsstoffer</a:t>
            </a:r>
          </a:p>
          <a:p>
            <a:r>
              <a:rPr lang="nb-NO" dirty="0"/>
              <a:t>Oppsummering fra hendelser og forsøk</a:t>
            </a:r>
          </a:p>
          <a:p>
            <a:r>
              <a:rPr lang="nb-NO" dirty="0"/>
              <a:t>Aktuelle produkter </a:t>
            </a:r>
          </a:p>
          <a:p>
            <a:r>
              <a:rPr lang="nb-NO" dirty="0"/>
              <a:t>Forslag til videre testing</a:t>
            </a:r>
          </a:p>
        </p:txBody>
      </p:sp>
    </p:spTree>
    <p:extLst>
      <p:ext uri="{BB962C8B-B14F-4D97-AF65-F5344CB8AC3E}">
        <p14:creationId xmlns:p14="http://schemas.microsoft.com/office/powerpoint/2010/main" val="107124994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7EB1CB90-6240-C091-0069-CB2119AC5E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Bioremediering av olje på strand </a:t>
            </a:r>
            <a:br>
              <a:rPr lang="nb-NO" dirty="0"/>
            </a:br>
            <a:r>
              <a:rPr lang="nb-NO" dirty="0"/>
              <a:t>– Forslag til </a:t>
            </a:r>
            <a:r>
              <a:rPr lang="en-US" dirty="0"/>
              <a:t>“spill of opportunity”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74CD0C69-6F1E-6E37-E71C-C0163B25B1E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nb-NO" dirty="0"/>
              <a:t>Prosjektnotat fra SINTEF for Kystverket – et mulig utgangpunkt for uttesting av bioremediering ved en reell hendelse med oljepåslag på strender</a:t>
            </a:r>
          </a:p>
          <a:p>
            <a:pPr lvl="1"/>
            <a:r>
              <a:rPr lang="nb-NO" dirty="0"/>
              <a:t>Oljetyper</a:t>
            </a:r>
          </a:p>
          <a:p>
            <a:pPr lvl="1"/>
            <a:r>
              <a:rPr lang="nb-NO" dirty="0"/>
              <a:t>Valg av </a:t>
            </a:r>
            <a:r>
              <a:rPr lang="nb-NO" dirty="0" err="1"/>
              <a:t>bioremedieringsprodukter</a:t>
            </a:r>
            <a:endParaRPr lang="nb-NO" dirty="0"/>
          </a:p>
          <a:p>
            <a:pPr lvl="1"/>
            <a:r>
              <a:rPr lang="nb-NO" dirty="0"/>
              <a:t>Lokasjon (strandtype, størrelse og utstrekning på område, miljøfaktorer)</a:t>
            </a:r>
          </a:p>
          <a:p>
            <a:pPr lvl="1"/>
            <a:r>
              <a:rPr lang="nb-NO" dirty="0"/>
              <a:t>Mulig forsøksmatrise og oppsett av </a:t>
            </a:r>
            <a:r>
              <a:rPr lang="nb-NO" dirty="0" err="1"/>
              <a:t>testfelt</a:t>
            </a:r>
            <a:endParaRPr lang="nb-NO" dirty="0"/>
          </a:p>
          <a:p>
            <a:pPr lvl="1"/>
            <a:r>
              <a:rPr lang="nb-NO" dirty="0"/>
              <a:t>Utkast til prøvetakingsplan og aktuelle analyser</a:t>
            </a:r>
          </a:p>
          <a:p>
            <a:pPr lvl="1"/>
            <a:r>
              <a:rPr lang="nb-NO" dirty="0"/>
              <a:t>Indikatorer for hvor rent er “rent nok”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8360613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E7595EC4-0F50-A72F-A8DD-78D9DE559E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800" dirty="0"/>
              <a:t>Long term fate and behaviour of oil in an Arctic shoreline</a:t>
            </a:r>
            <a:endParaRPr lang="en-US" dirty="0"/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3F45020B-021F-7029-C011-3ABEFBD640A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6000" y="1940385"/>
            <a:ext cx="9000000" cy="4408900"/>
          </a:xfrm>
        </p:spPr>
        <p:txBody>
          <a:bodyPr>
            <a:normAutofit/>
          </a:bodyPr>
          <a:lstStyle/>
          <a:p>
            <a:r>
              <a:rPr lang="nb-NO" b="1" dirty="0"/>
              <a:t>Målsetting</a:t>
            </a:r>
            <a:r>
              <a:rPr lang="nb-NO" dirty="0"/>
              <a:t>: Kunnskap om effekt av et oljesøl på strand, </a:t>
            </a:r>
            <a:br>
              <a:rPr lang="nb-NO" dirty="0"/>
            </a:br>
            <a:r>
              <a:rPr lang="nb-NO" dirty="0"/>
              <a:t>samt naturens evne til selvrensing av olje på strand ved bakteriell degradering</a:t>
            </a:r>
          </a:p>
          <a:p>
            <a:pPr lvl="1"/>
            <a:r>
              <a:rPr lang="en-GB" dirty="0" err="1"/>
              <a:t>Eksperimentelt</a:t>
            </a:r>
            <a:r>
              <a:rPr lang="en-GB" dirty="0"/>
              <a:t> </a:t>
            </a:r>
            <a:r>
              <a:rPr lang="en-GB" dirty="0" err="1"/>
              <a:t>oljesøl</a:t>
            </a:r>
            <a:r>
              <a:rPr lang="en-GB" dirty="0"/>
              <a:t> </a:t>
            </a:r>
            <a:r>
              <a:rPr lang="en-GB" dirty="0" err="1"/>
              <a:t>utfør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1997 "In situ Treatment of Oiled Sediment Shorelines (</a:t>
            </a:r>
            <a:r>
              <a:rPr lang="en-GB" dirty="0" err="1"/>
              <a:t>ITOSS</a:t>
            </a:r>
            <a:r>
              <a:rPr lang="en-GB" dirty="0"/>
              <a:t>, 1997)</a:t>
            </a:r>
          </a:p>
          <a:p>
            <a:pPr lvl="1"/>
            <a:r>
              <a:rPr lang="en-GB" dirty="0" err="1"/>
              <a:t>Ett</a:t>
            </a:r>
            <a:r>
              <a:rPr lang="en-GB" dirty="0"/>
              <a:t> felt </a:t>
            </a:r>
            <a:r>
              <a:rPr lang="en-GB" dirty="0" err="1"/>
              <a:t>etterlatt</a:t>
            </a:r>
            <a:r>
              <a:rPr lang="en-GB" dirty="0"/>
              <a:t> </a:t>
            </a:r>
            <a:r>
              <a:rPr lang="en-GB" dirty="0" err="1"/>
              <a:t>som</a:t>
            </a:r>
            <a:r>
              <a:rPr lang="en-GB" dirty="0"/>
              <a:t> </a:t>
            </a:r>
            <a:r>
              <a:rPr lang="en-GB" dirty="0" err="1"/>
              <a:t>referansefelt</a:t>
            </a:r>
            <a:r>
              <a:rPr lang="en-GB" dirty="0"/>
              <a:t> for å </a:t>
            </a:r>
            <a:r>
              <a:rPr lang="en-GB" dirty="0" err="1"/>
              <a:t>studere</a:t>
            </a:r>
            <a:r>
              <a:rPr lang="en-GB" dirty="0"/>
              <a:t> </a:t>
            </a:r>
            <a:r>
              <a:rPr lang="en-GB" dirty="0" err="1"/>
              <a:t>langtidseffekter</a:t>
            </a:r>
            <a:r>
              <a:rPr lang="en-GB" dirty="0"/>
              <a:t> </a:t>
            </a:r>
            <a:r>
              <a:rPr lang="en-GB" dirty="0" err="1"/>
              <a:t>av</a:t>
            </a:r>
            <a:r>
              <a:rPr lang="en-GB" dirty="0"/>
              <a:t> </a:t>
            </a:r>
            <a:r>
              <a:rPr lang="en-GB" dirty="0" err="1"/>
              <a:t>olje</a:t>
            </a:r>
            <a:r>
              <a:rPr lang="en-GB" dirty="0"/>
              <a:t> (IF-30) </a:t>
            </a:r>
            <a:r>
              <a:rPr lang="en-GB" dirty="0" err="1"/>
              <a:t>på</a:t>
            </a:r>
            <a:r>
              <a:rPr lang="en-GB" dirty="0"/>
              <a:t> strand</a:t>
            </a:r>
          </a:p>
          <a:p>
            <a:pPr lvl="1"/>
            <a:r>
              <a:rPr lang="nb-NO" dirty="0"/>
              <a:t>Oppfølging av </a:t>
            </a:r>
            <a:r>
              <a:rPr lang="nb-NO" dirty="0" err="1"/>
              <a:t>referansefelt</a:t>
            </a:r>
            <a:r>
              <a:rPr lang="nb-NO" dirty="0"/>
              <a:t> fra 1999 til 2011, og i 2023 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nb-NO" sz="2000" dirty="0"/>
              <a:t>1997-2011: Kjemiske analyser. Oljekonsentrasjon i sediment. </a:t>
            </a:r>
          </a:p>
          <a:p>
            <a:endParaRPr lang="en-GB" sz="2400" dirty="0"/>
          </a:p>
          <a:p>
            <a:endParaRPr lang="en-US" sz="2400" dirty="0"/>
          </a:p>
        </p:txBody>
      </p:sp>
      <p:pic>
        <p:nvPicPr>
          <p:cNvPr id="5" name="Bilde 4">
            <a:extLst>
              <a:ext uri="{FF2B5EF4-FFF2-40B4-BE49-F238E27FC236}">
                <a16:creationId xmlns:a16="http://schemas.microsoft.com/office/drawing/2014/main" id="{68D2A72B-0D4A-5EE6-3ACC-FF64E838997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82200" y="1423103"/>
            <a:ext cx="1481137" cy="1034563"/>
          </a:xfrm>
          <a:prstGeom prst="rect">
            <a:avLst/>
          </a:prstGeom>
        </p:spPr>
      </p:pic>
      <p:pic>
        <p:nvPicPr>
          <p:cNvPr id="7" name="Bilde 6">
            <a:extLst>
              <a:ext uri="{FF2B5EF4-FFF2-40B4-BE49-F238E27FC236}">
                <a16:creationId xmlns:a16="http://schemas.microsoft.com/office/drawing/2014/main" id="{4AF863B2-CFAD-0658-5364-DEFC4EA4298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308430" y="2811156"/>
            <a:ext cx="828675" cy="981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523262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12ED8E11-A6EF-C213-FC8F-1630F784C2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3100" dirty="0"/>
              <a:t>Long term fate and behaviour of oil in an Arctic shoreline</a:t>
            </a:r>
          </a:p>
        </p:txBody>
      </p:sp>
      <p:sp>
        <p:nvSpPr>
          <p:cNvPr id="9" name="Plassholder for innhold 8">
            <a:extLst>
              <a:ext uri="{FF2B5EF4-FFF2-40B4-BE49-F238E27FC236}">
                <a16:creationId xmlns:a16="http://schemas.microsoft.com/office/drawing/2014/main" id="{11462267-C838-7E83-9231-E9E70A95627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dirty="0"/>
              <a:t>2023: Ny prøvetakning: </a:t>
            </a:r>
          </a:p>
          <a:p>
            <a:pPr lvl="1"/>
            <a:r>
              <a:rPr lang="en-GB" dirty="0" err="1"/>
              <a:t>Kjemisk</a:t>
            </a:r>
            <a:r>
              <a:rPr lang="en-GB" dirty="0"/>
              <a:t> ‘fingerprinting’. </a:t>
            </a:r>
            <a:r>
              <a:rPr lang="en-GB" dirty="0" err="1"/>
              <a:t>Sammenligne</a:t>
            </a:r>
            <a:r>
              <a:rPr lang="en-GB" dirty="0"/>
              <a:t> med </a:t>
            </a:r>
            <a:r>
              <a:rPr lang="en-GB" dirty="0" err="1"/>
              <a:t>historiske</a:t>
            </a:r>
            <a:r>
              <a:rPr lang="en-GB" dirty="0"/>
              <a:t> data (1997-2011)</a:t>
            </a:r>
          </a:p>
          <a:p>
            <a:pPr lvl="1"/>
            <a:r>
              <a:rPr lang="en-GB" dirty="0"/>
              <a:t>DNA-</a:t>
            </a:r>
            <a:r>
              <a:rPr lang="en-GB" dirty="0" err="1"/>
              <a:t>baserte</a:t>
            </a:r>
            <a:r>
              <a:rPr lang="en-GB" dirty="0"/>
              <a:t> analyser, </a:t>
            </a:r>
            <a:r>
              <a:rPr lang="en-GB" dirty="0" err="1"/>
              <a:t>mikrobielle</a:t>
            </a:r>
            <a:r>
              <a:rPr lang="en-GB" dirty="0"/>
              <a:t> </a:t>
            </a:r>
            <a:r>
              <a:rPr lang="en-GB" dirty="0" err="1"/>
              <a:t>samfunn</a:t>
            </a:r>
            <a:endParaRPr lang="en-GB" dirty="0"/>
          </a:p>
          <a:p>
            <a:endParaRPr lang="en-US" dirty="0"/>
          </a:p>
        </p:txBody>
      </p:sp>
      <p:pic>
        <p:nvPicPr>
          <p:cNvPr id="2" name="Content Placeholder 4">
            <a:extLst>
              <a:ext uri="{FF2B5EF4-FFF2-40B4-BE49-F238E27FC236}">
                <a16:creationId xmlns:a16="http://schemas.microsoft.com/office/drawing/2014/main" id="{39B68B78-0DFE-7FCA-99AC-312EE0D3DE63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6190"/>
          <a:stretch/>
        </p:blipFill>
        <p:spPr>
          <a:xfrm>
            <a:off x="217006" y="4384485"/>
            <a:ext cx="2848109" cy="216254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9FD5FCA7-6EC9-EED9-F446-2D38C1168CDD}"/>
              </a:ext>
            </a:extLst>
          </p:cNvPr>
          <p:cNvSpPr txBox="1"/>
          <p:nvPr/>
        </p:nvSpPr>
        <p:spPr>
          <a:xfrm>
            <a:off x="2348916" y="4396747"/>
            <a:ext cx="7273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2011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36D8325-695B-FAB3-89CA-FFB91F8F5832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12096"/>
          <a:stretch/>
        </p:blipFill>
        <p:spPr>
          <a:xfrm>
            <a:off x="6588617" y="4371727"/>
            <a:ext cx="2568163" cy="2188062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F1FFF811-C43E-449F-9EE4-F498F5805864}"/>
              </a:ext>
            </a:extLst>
          </p:cNvPr>
          <p:cNvSpPr txBox="1"/>
          <p:nvPr/>
        </p:nvSpPr>
        <p:spPr>
          <a:xfrm>
            <a:off x="8023613" y="4346730"/>
            <a:ext cx="84901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2023</a:t>
            </a:r>
          </a:p>
        </p:txBody>
      </p:sp>
      <p:pic>
        <p:nvPicPr>
          <p:cNvPr id="8" name="Picture 7" descr="A close-up of a hole in the ground&#10;&#10;Description automatically generated">
            <a:extLst>
              <a:ext uri="{FF2B5EF4-FFF2-40B4-BE49-F238E27FC236}">
                <a16:creationId xmlns:a16="http://schemas.microsoft.com/office/drawing/2014/main" id="{AE448AF6-BAFA-DB8C-E09C-2A92EEADF9DE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935"/>
          <a:stretch/>
        </p:blipFill>
        <p:spPr bwMode="auto">
          <a:xfrm rot="5400000">
            <a:off x="8913795" y="4023006"/>
            <a:ext cx="2950874" cy="2148209"/>
          </a:xfrm>
          <a:prstGeom prst="rect">
            <a:avLst/>
          </a:prstGeom>
          <a:noFill/>
          <a:effectLst/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F9099146-F39F-AE1C-B193-B8997F4761B7}"/>
              </a:ext>
            </a:extLst>
          </p:cNvPr>
          <p:cNvSpPr txBox="1"/>
          <p:nvPr/>
        </p:nvSpPr>
        <p:spPr>
          <a:xfrm>
            <a:off x="9315127" y="3315081"/>
            <a:ext cx="2567429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600" dirty="0">
                <a:solidFill>
                  <a:srgbClr val="002060"/>
                </a:solidFill>
              </a:rPr>
              <a:t>Oljelag på 105-125 cm dyp</a:t>
            </a:r>
            <a:endParaRPr lang="en-GB" sz="1600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8AB4273-EF2C-A4B3-8A2F-83B6DCFC87C1}"/>
              </a:ext>
            </a:extLst>
          </p:cNvPr>
          <p:cNvSpPr txBox="1"/>
          <p:nvPr/>
        </p:nvSpPr>
        <p:spPr>
          <a:xfrm>
            <a:off x="10766987" y="3663767"/>
            <a:ext cx="84901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/>
              <a:t>2023</a:t>
            </a:r>
          </a:p>
        </p:txBody>
      </p:sp>
      <p:pic>
        <p:nvPicPr>
          <p:cNvPr id="14" name="Content Placeholder 3" descr="A rocky beach with a boat on the shore&#10;&#10;Description automatically generated">
            <a:extLst>
              <a:ext uri="{FF2B5EF4-FFF2-40B4-BE49-F238E27FC236}">
                <a16:creationId xmlns:a16="http://schemas.microsoft.com/office/drawing/2014/main" id="{41E0AC77-AFE1-00F2-0FE5-8F4CEA7EA5A4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3282"/>
          <a:stretch/>
        </p:blipFill>
        <p:spPr bwMode="auto">
          <a:xfrm>
            <a:off x="3145744" y="4358969"/>
            <a:ext cx="3362244" cy="2188063"/>
          </a:xfrm>
          <a:prstGeom prst="rect">
            <a:avLst/>
          </a:prstGeom>
          <a:noFill/>
          <a:ln>
            <a:noFill/>
          </a:ln>
        </p:spPr>
      </p:pic>
      <p:pic>
        <p:nvPicPr>
          <p:cNvPr id="12" name="Bilde 11">
            <a:extLst>
              <a:ext uri="{FF2B5EF4-FFF2-40B4-BE49-F238E27FC236}">
                <a16:creationId xmlns:a16="http://schemas.microsoft.com/office/drawing/2014/main" id="{016EC84C-2754-0FAA-DB06-B6A0AE3D7835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112076" y="1255008"/>
            <a:ext cx="1117600" cy="780635"/>
          </a:xfrm>
          <a:prstGeom prst="rect">
            <a:avLst/>
          </a:prstGeom>
        </p:spPr>
      </p:pic>
      <p:pic>
        <p:nvPicPr>
          <p:cNvPr id="13" name="Bilde 12">
            <a:extLst>
              <a:ext uri="{FF2B5EF4-FFF2-40B4-BE49-F238E27FC236}">
                <a16:creationId xmlns:a16="http://schemas.microsoft.com/office/drawing/2014/main" id="{4ABC01D4-21D0-E8CB-500C-E6E2FC05F922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0244769" y="2140450"/>
            <a:ext cx="828675" cy="98107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7480084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7"/>
</p:tagLst>
</file>

<file path=ppt/theme/theme1.xml><?xml version="1.0" encoding="utf-8"?>
<a:theme xmlns:a="http://schemas.openxmlformats.org/drawingml/2006/main" name="Kystverket-mal">
  <a:themeElements>
    <a:clrScheme name="Kystverket">
      <a:dk1>
        <a:sysClr val="windowText" lastClr="000000"/>
      </a:dk1>
      <a:lt1>
        <a:sysClr val="window" lastClr="FFFFFF"/>
      </a:lt1>
      <a:dk2>
        <a:srgbClr val="000671"/>
      </a:dk2>
      <a:lt2>
        <a:srgbClr val="F9F6F3"/>
      </a:lt2>
      <a:accent1>
        <a:srgbClr val="000671"/>
      </a:accent1>
      <a:accent2>
        <a:srgbClr val="FF451F"/>
      </a:accent2>
      <a:accent3>
        <a:srgbClr val="A9E5FB"/>
      </a:accent3>
      <a:accent4>
        <a:srgbClr val="5D5D5D"/>
      </a:accent4>
      <a:accent5>
        <a:srgbClr val="0596CB"/>
      </a:accent5>
      <a:accent6>
        <a:srgbClr val="3BA460"/>
      </a:accent6>
      <a:hlink>
        <a:srgbClr val="0563C1"/>
      </a:hlink>
      <a:folHlink>
        <a:srgbClr val="954F72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sjon2" id="{433CA3F3-9637-4A85-8966-A6CEEC203678}" vid="{D5EB2688-0BAE-47FE-856C-F0EEE82F83D9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7A1FB53C34BAE4D97A7B453AACB2EDE" ma:contentTypeVersion="18" ma:contentTypeDescription="Create a new document." ma:contentTypeScope="" ma:versionID="e79660f86c98bda8edc922b3ac1504bb">
  <xsd:schema xmlns:xsd="http://www.w3.org/2001/XMLSchema" xmlns:xs="http://www.w3.org/2001/XMLSchema" xmlns:p="http://schemas.microsoft.com/office/2006/metadata/properties" xmlns:ns2="9679fc6b-4988-40c4-be39-4cabf1fb015e" xmlns:ns3="92966c7c-c37b-47ef-b9cf-390369e0a832" targetNamespace="http://schemas.microsoft.com/office/2006/metadata/properties" ma:root="true" ma:fieldsID="3cde95f152ad60d78ebeb27abaf6b4b0" ns2:_="" ns3:_="">
    <xsd:import namespace="9679fc6b-4988-40c4-be39-4cabf1fb015e"/>
    <xsd:import namespace="92966c7c-c37b-47ef-b9cf-390369e0a832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LengthInSeconds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679fc6b-4988-40c4-be39-4cabf1fb015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1" nillable="true" ma:displayName="Length (seconds)" ma:internalName="MediaLengthInSeconds" ma:readOnly="true">
      <xsd:simpleType>
        <xsd:restriction base="dms:Unknown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6" nillable="true" ma:displayName="Tags" ma:internalName="MediaServiceAutoTags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20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ac986279-2f72-44b3-a000-e1bdda6e07a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5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2966c7c-c37b-47ef-b9cf-390369e0a832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33ecc7b1-1e9f-4184-9243-42667df2fb8c}" ma:internalName="TaxCatchAll" ma:showField="CatchAllData" ma:web="92966c7c-c37b-47ef-b9cf-390369e0a832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92966c7c-c37b-47ef-b9cf-390369e0a832" xsi:nil="true"/>
    <lcf76f155ced4ddcb4097134ff3c332f xmlns="9679fc6b-4988-40c4-be39-4cabf1fb015e">
      <Terms xmlns="http://schemas.microsoft.com/office/infopath/2007/PartnerControls"/>
    </lcf76f155ced4ddcb4097134ff3c332f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SlideTemplateConfiguration><![CDATA[{"slideVersion":2,"isValidatorEnabled":false,"isLocked":false,"elementsMetadata":[],"slideId":"638223241709541061","enableDocumentContentUpdater":false,"version":"2.0"}]]></TemplafySlideTemplateConfiguration>
</file>

<file path=customXml/item5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B269FEF-AFA3-4742-BEBF-94F43220AEE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679fc6b-4988-40c4-be39-4cabf1fb015e"/>
    <ds:schemaRef ds:uri="92966c7c-c37b-47ef-b9cf-390369e0a83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6F81F0E3-26BF-4A36-870B-335E549C045C}">
  <ds:schemaRefs>
    <ds:schemaRef ds:uri="http://schemas.microsoft.com/office/2006/metadata/properties"/>
    <ds:schemaRef ds:uri="http://schemas.microsoft.com/office/infopath/2007/PartnerControls"/>
    <ds:schemaRef ds:uri="92966c7c-c37b-47ef-b9cf-390369e0a832"/>
    <ds:schemaRef ds:uri="9679fc6b-4988-40c4-be39-4cabf1fb015e"/>
  </ds:schemaRefs>
</ds:datastoreItem>
</file>

<file path=customXml/itemProps3.xml><?xml version="1.0" encoding="utf-8"?>
<ds:datastoreItem xmlns:ds="http://schemas.openxmlformats.org/officeDocument/2006/customXml" ds:itemID="{69F26D1D-A53B-4AC3-B75C-C15A0C284DC3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DC1809EA-3486-4A5B-9B8D-4866985756D1}">
  <ds:schemaRefs/>
</ds:datastoreItem>
</file>

<file path=customXml/itemProps5.xml><?xml version="1.0" encoding="utf-8"?>
<ds:datastoreItem xmlns:ds="http://schemas.openxmlformats.org/officeDocument/2006/customXml" ds:itemID="{A40619BE-C837-415B-9807-C6F6677C7C0C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esentasjon2</Template>
  <TotalTime>1641</TotalTime>
  <Words>461</Words>
  <Application>Microsoft Office PowerPoint</Application>
  <PresentationFormat>Widescreen</PresentationFormat>
  <Paragraphs>59</Paragraphs>
  <Slides>10</Slides>
  <Notes>6</Notes>
  <HiddenSlides>0</HiddenSlides>
  <MMClips>0</MMClips>
  <ScaleCrop>false</ScaleCrop>
  <HeadingPairs>
    <vt:vector size="6" baseType="variant">
      <vt:variant>
        <vt:lpstr>Brukte skrifter</vt:lpstr>
      </vt:variant>
      <vt:variant>
        <vt:i4>4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0</vt:i4>
      </vt:variant>
    </vt:vector>
  </HeadingPairs>
  <TitlesOfParts>
    <vt:vector size="15" baseType="lpstr">
      <vt:lpstr>Arial</vt:lpstr>
      <vt:lpstr>Calibri</vt:lpstr>
      <vt:lpstr>Courier New</vt:lpstr>
      <vt:lpstr>Wingdings</vt:lpstr>
      <vt:lpstr>Kystverket-mal</vt:lpstr>
      <vt:lpstr>Bioremediering og  Spill of opportunity</vt:lpstr>
      <vt:lpstr>Bakgrunn</vt:lpstr>
      <vt:lpstr>Bakgrunn</vt:lpstr>
      <vt:lpstr>Innhold</vt:lpstr>
      <vt:lpstr>Workshop</vt:lpstr>
      <vt:lpstr>Bioremediering av olje på strand - bioremedieringsprodukter</vt:lpstr>
      <vt:lpstr>Bioremediering av olje på strand  – Forslag til “spill of opportunity”</vt:lpstr>
      <vt:lpstr>Long term fate and behaviour of oil in an Arctic shoreline</vt:lpstr>
      <vt:lpstr>Long term fate and behaviour of oil in an Arctic shoreline</vt:lpstr>
      <vt:lpstr>PowerPoint-presentasj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ioremediering og  Spill of opportunity</dc:title>
  <dc:creator>Ballantine, Kristin</dc:creator>
  <cp:lastModifiedBy>Berger, Silje</cp:lastModifiedBy>
  <cp:revision>2</cp:revision>
  <dcterms:created xsi:type="dcterms:W3CDTF">2024-08-19T11:31:50Z</dcterms:created>
  <dcterms:modified xsi:type="dcterms:W3CDTF">2024-08-29T11:37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7A1FB53C34BAE4D97A7B453AACB2EDE</vt:lpwstr>
  </property>
</Properties>
</file>